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2222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84" y="7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9EA1AA-DB25-5328-E4D9-878F6A20979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B1EAD41-1810-6EEE-97BA-F8DF7699858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FF359B-E4FB-919A-D2F5-3DD7AEDADB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081986-4E94-9927-61EC-B42D629FFC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CC45A3-2C26-7D03-9DB2-FBDEE570F3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72417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3A5A3C-AAEA-D56F-0EB9-B517C25CED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6F9570C-16F5-6D3C-A454-843D591C25D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F8781B-FEC5-8118-EF1D-75B804593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E0ED3F-43EB-FC94-2B87-33072D8A39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CABD42-ACC0-24F9-5261-844DAA886C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00638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4EF6EF3-24B2-09B8-6EB7-C9D86599D77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33FD60-8A82-3304-F6A0-23A3EFF1AF5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5085AC-FE60-BCD1-8875-ED350EC6A3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11C3BE-C960-982B-F299-1AB4ADB1D1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C56E64-D07A-83E0-D449-E378358314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60591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014546-5983-80BF-5E39-B97D395342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650E9E-F48C-56D0-1E09-C5EF59A1A5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6E6CBD-6214-273A-66B3-3E5BB4F41F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620295-2C09-5428-A3CD-12F25F0843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BF5293-D3E1-B126-316A-5D4402A4DE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52227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246A9-D91A-30B2-9F45-7C53F0D9C4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32DC4A1-8BD4-C7C8-822B-5DCBD2DD27D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F6F968-5686-CC2B-A1DF-CD15A8EBEB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2D4B7D-2AB2-5105-7B18-7E0A1E31AB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A0CFC3-A5A5-9912-6C75-66B39102E0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83083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94852F-D36F-8234-6486-63BC4C0F63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DA376C-5A32-CE56-75AC-72995CC8B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AF5621-8BCA-EDC3-21DA-FA19285FC16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FE011F-AD64-E788-9825-7BF2014DDC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C9E049-572F-F932-E5D9-50A3C9F437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6D9BE4A-A8EF-0DA8-8D82-25FDB7A3A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83936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546113-8F90-4417-1918-45830F3369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4FC610-3442-FDB9-EBCF-A834F1F6227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11AED4-9BDB-19A4-06E2-F930F0F632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ECDCC7-28E6-55DF-505A-9E17EA68382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2F06FB4-536B-5910-DD50-1DE1296FC38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BC9AB77-3A12-C461-E4B6-9D41517AE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4D9FA72-2256-9EB8-7679-535FF2C01E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DB1FED7-A6DE-9FC6-1F48-654154E02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36551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660669-87A3-36FD-E77D-3D561DC193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452867C-82C0-08C5-BE5E-BA389BBFCD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A6A1D38-6E94-B5B4-900F-2B4C9CD36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9B2A22-2EB0-36FD-3370-025B8AC9EF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13875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76D9D3-863E-58AD-580E-C31E0C0C1D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ED10BAB-C166-C13A-0BCB-F9AA7FE186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CF9E60-AA2C-11B3-A65A-CD861CECDB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94608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51F79F-0B9E-294D-95F2-8F0053989B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BBCFF6-5F54-378F-0864-B0B19FE6D7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5F60B1-657E-A729-CD5F-481E0BD13A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7FFA12-37EC-61BA-8569-F9F0E57FBA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489A1F3-6A08-55B9-BFFA-0C5A54569A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BCC2DA-C77B-9AA1-3F23-9768B79B9D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19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FA12E2-F225-E8AC-320C-FA369C501D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98C028F-CB9C-5C20-1C40-B96D4F455E5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44A49BC-9A09-6707-B032-E32750571FA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EB23796-4CBC-A788-0F16-3047D6AD43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8641F5-46DB-26BC-7AF1-CAF6DF6BE9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FEA7BE3-B8E7-DACF-1A5F-D762CF6D21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42023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28B905-72EB-98BC-C70D-999C821A3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1FBB87-A9A1-08A2-B0ED-AF66718143C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58BE42-48EF-C633-8A0F-3598A0E3511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4DE8653-4B01-414B-8412-8435F6FA0D96}" type="datetimeFigureOut">
              <a:rPr lang="en-US" smtClean="0"/>
              <a:t>12/1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88FF8C-157A-C9A9-24B8-E143A6F33DF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5E2A4A4-BD37-EF1E-6D3A-C3C9A535CC8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7A025C-E875-4B0A-B124-8B516CA21D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8378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OTLSHAPE_SL_ae8d1be2004a42f8ac05ed388bfe8975_BackgroundRectangle">
            <a:extLst>
              <a:ext uri="{FF2B5EF4-FFF2-40B4-BE49-F238E27FC236}">
                <a16:creationId xmlns:a16="http://schemas.microsoft.com/office/drawing/2014/main" id="{3D67A15B-009B-BE9F-B554-3459ED6582C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412067"/>
            <a:ext cx="11290300" cy="762000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1583afa90591480486a929047a0d2705_BackgroundRectangle">
            <a:extLst>
              <a:ext uri="{FF2B5EF4-FFF2-40B4-BE49-F238E27FC236}">
                <a16:creationId xmlns:a16="http://schemas.microsoft.com/office/drawing/2014/main" id="{BCD95947-3353-F2F5-2A9B-D17B90DE49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37567"/>
            <a:ext cx="11290300" cy="1003300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2A_e4b09b1badfc4fbc9cbf90e6384d1a34_BackgroundRectangle">
            <a:extLst>
              <a:ext uri="{FF2B5EF4-FFF2-40B4-BE49-F238E27FC236}">
                <a16:creationId xmlns:a16="http://schemas.microsoft.com/office/drawing/2014/main" id="{B4CF056F-0AF8-6A72-70A5-DEB2849592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36402" y="2416048"/>
            <a:ext cx="10820400" cy="932519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2A_584710e543614b6c9214c7421133c369_BackgroundRectangle">
            <a:extLst>
              <a:ext uri="{FF2B5EF4-FFF2-40B4-BE49-F238E27FC236}">
                <a16:creationId xmlns:a16="http://schemas.microsoft.com/office/drawing/2014/main" id="{8305B45C-EC3D-6C16-B683-11174086A7F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36402" y="5304367"/>
            <a:ext cx="10820400" cy="330200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2A_d69090d5e36f4465bedcbecde57b648c_BackgroundRectangle">
            <a:extLst>
              <a:ext uri="{FF2B5EF4-FFF2-40B4-BE49-F238E27FC236}">
                <a16:creationId xmlns:a16="http://schemas.microsoft.com/office/drawing/2014/main" id="{8AFC19F1-AB68-9DE0-8D4B-85F9D8F2A63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36402" y="5634567"/>
            <a:ext cx="10820400" cy="330200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20843d0a847a415dabb9b86fe695fcb9_BackgroundRectangle">
            <a:extLst>
              <a:ext uri="{FF2B5EF4-FFF2-40B4-BE49-F238E27FC236}">
                <a16:creationId xmlns:a16="http://schemas.microsoft.com/office/drawing/2014/main" id="{333F3146-4AAB-4B7D-9A7B-966C23A404A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36402" y="5964767"/>
            <a:ext cx="10820400" cy="330200"/>
          </a:xfrm>
          <a:prstGeom prst="rect">
            <a:avLst/>
          </a:prstGeom>
          <a:solidFill>
            <a:srgbClr val="EEECE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B_00000000000000000000000000000000_RightEndCaps">
            <a:extLst>
              <a:ext uri="{FF2B5EF4-FFF2-40B4-BE49-F238E27FC236}">
                <a16:creationId xmlns:a16="http://schemas.microsoft.com/office/drawing/2014/main" id="{FD250C8D-DE52-E6D5-B591-F48CBCBCF8C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1474534" y="179442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C0504D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12" name="OTLSHAPE_SL2AL_00000000000000000000000000000000_ShapeBelow0">
            <a:extLst>
              <a:ext uri="{FF2B5EF4-FFF2-40B4-BE49-F238E27FC236}">
                <a16:creationId xmlns:a16="http://schemas.microsoft.com/office/drawing/2014/main" id="{80264F4D-28AD-F7AC-A3D7-5F891B7DED9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36402" y="5634567"/>
            <a:ext cx="10811132" cy="0"/>
          </a:xfrm>
          <a:prstGeom prst="line">
            <a:avLst/>
          </a:prstGeom>
          <a:ln w="9525" cap="flat" cmpd="sng" algn="ctr">
            <a:solidFill>
              <a:srgbClr val="4F81B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SL2AL_00000000000000000000000000000000_ShapeBelow1">
            <a:extLst>
              <a:ext uri="{FF2B5EF4-FFF2-40B4-BE49-F238E27FC236}">
                <a16:creationId xmlns:a16="http://schemas.microsoft.com/office/drawing/2014/main" id="{D08EF9B1-FDBA-668B-5B51-D23E77EC7D6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36402" y="5964767"/>
            <a:ext cx="10811132" cy="0"/>
          </a:xfrm>
          <a:prstGeom prst="line">
            <a:avLst/>
          </a:prstGeom>
          <a:ln w="9525" cap="flat" cmpd="sng" algn="ctr">
            <a:solidFill>
              <a:srgbClr val="4F81B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ScaleContainer">
            <a:extLst>
              <a:ext uri="{FF2B5EF4-FFF2-40B4-BE49-F238E27FC236}">
                <a16:creationId xmlns:a16="http://schemas.microsoft.com/office/drawing/2014/main" id="{34EA141D-96BC-C24B-E574-1D9A53D9AA1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30304" y="1645920"/>
            <a:ext cx="9918700" cy="182880"/>
          </a:xfrm>
          <a:prstGeom prst="round2Same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TB_00000000000000000000000000000000_MiddleScaleContainer">
            <a:extLst>
              <a:ext uri="{FF2B5EF4-FFF2-40B4-BE49-F238E27FC236}">
                <a16:creationId xmlns:a16="http://schemas.microsoft.com/office/drawing/2014/main" id="{6E07DE7F-F331-4913-0F86-5FAC280A702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30304" y="1837944"/>
            <a:ext cx="9918700" cy="182880"/>
          </a:xfrm>
          <a:prstGeom prst="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BottomScaleContainer">
            <a:extLst>
              <a:ext uri="{FF2B5EF4-FFF2-40B4-BE49-F238E27FC236}">
                <a16:creationId xmlns:a16="http://schemas.microsoft.com/office/drawing/2014/main" id="{B6B5CF01-49BE-EDDD-9A79-C3AF6BDFDEE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430304" y="2029968"/>
            <a:ext cx="99187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6ef0b0615d5e4de3bc461d10cb73e8c8_HeaderRectangle">
            <a:extLst>
              <a:ext uri="{FF2B5EF4-FFF2-40B4-BE49-F238E27FC236}">
                <a16:creationId xmlns:a16="http://schemas.microsoft.com/office/drawing/2014/main" id="{882A6293-8CF8-CF90-FFAB-7365B87BC0A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416048"/>
            <a:ext cx="482600" cy="932519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ae8d1be2004a42f8ac05ed388bfe8975_HeaderRectangle">
            <a:extLst>
              <a:ext uri="{FF2B5EF4-FFF2-40B4-BE49-F238E27FC236}">
                <a16:creationId xmlns:a16="http://schemas.microsoft.com/office/drawing/2014/main" id="{D20BE6B2-8C87-A817-114A-8AD0E905B7A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412067"/>
            <a:ext cx="1244600" cy="762000"/>
          </a:xfrm>
          <a:prstGeom prst="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1583afa90591480486a929047a0d2705_HeaderRectangle">
            <a:extLst>
              <a:ext uri="{FF2B5EF4-FFF2-40B4-BE49-F238E27FC236}">
                <a16:creationId xmlns:a16="http://schemas.microsoft.com/office/drawing/2014/main" id="{140106EB-7C87-C774-23E9-4058EEE9A17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37567"/>
            <a:ext cx="1244600" cy="1003300"/>
          </a:xfrm>
          <a:prstGeom prst="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910034991567402394597776e6eca020_HeaderRectangle">
            <a:extLst>
              <a:ext uri="{FF2B5EF4-FFF2-40B4-BE49-F238E27FC236}">
                <a16:creationId xmlns:a16="http://schemas.microsoft.com/office/drawing/2014/main" id="{C2CA4D9F-0280-B84D-1D77-FEDFAF0D7D6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304367"/>
            <a:ext cx="482600" cy="990600"/>
          </a:xfrm>
          <a:prstGeom prst="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e4b09b1badfc4fbc9cbf90e6384d1a34_HeaderRectangle">
            <a:extLst>
              <a:ext uri="{FF2B5EF4-FFF2-40B4-BE49-F238E27FC236}">
                <a16:creationId xmlns:a16="http://schemas.microsoft.com/office/drawing/2014/main" id="{89E29593-66F0-5C4C-6E61-870EF74C0F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36402" y="2416048"/>
            <a:ext cx="774700" cy="932519"/>
          </a:xfrm>
          <a:prstGeom prst="rect">
            <a:avLst/>
          </a:prstGeom>
          <a:solidFill>
            <a:srgbClr val="4BACC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584710e543614b6c9214c7421133c369_HeaderRectangle">
            <a:extLst>
              <a:ext uri="{FF2B5EF4-FFF2-40B4-BE49-F238E27FC236}">
                <a16:creationId xmlns:a16="http://schemas.microsoft.com/office/drawing/2014/main" id="{7F140FB4-75EC-1FF7-ED50-56F2CF3EA20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36402" y="5304367"/>
            <a:ext cx="774700" cy="330200"/>
          </a:xfrm>
          <a:prstGeom prst="rect">
            <a:avLst/>
          </a:prstGeom>
          <a:solidFill>
            <a:srgbClr val="9BBB5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2A_d69090d5e36f4465bedcbecde57b648c_HeaderRectangle">
            <a:extLst>
              <a:ext uri="{FF2B5EF4-FFF2-40B4-BE49-F238E27FC236}">
                <a16:creationId xmlns:a16="http://schemas.microsoft.com/office/drawing/2014/main" id="{31043CC5-5373-2A01-7073-C3A5302B8A1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36402" y="5634567"/>
            <a:ext cx="774700" cy="330200"/>
          </a:xfrm>
          <a:prstGeom prst="rect">
            <a:avLst/>
          </a:prstGeom>
          <a:solidFill>
            <a:srgbClr val="9BBB5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2A_20843d0a847a415dabb9b86fe695fcb9_HeaderRectangle">
            <a:extLst>
              <a:ext uri="{FF2B5EF4-FFF2-40B4-BE49-F238E27FC236}">
                <a16:creationId xmlns:a16="http://schemas.microsoft.com/office/drawing/2014/main" id="{EA8CAF01-82D4-0B57-564A-A6900019710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36402" y="5964767"/>
            <a:ext cx="774700" cy="330200"/>
          </a:xfrm>
          <a:prstGeom prst="rect">
            <a:avLst/>
          </a:prstGeom>
          <a:solidFill>
            <a:srgbClr val="9BBB5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" name="OTLSHAPE_G_00000000000000000000000000000000_ShapeBelow0">
            <a:extLst>
              <a:ext uri="{FF2B5EF4-FFF2-40B4-BE49-F238E27FC236}">
                <a16:creationId xmlns:a16="http://schemas.microsoft.com/office/drawing/2014/main" id="{0E86302C-5A1F-A025-B0F1-A60FDBDE96E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669957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1">
            <a:extLst>
              <a:ext uri="{FF2B5EF4-FFF2-40B4-BE49-F238E27FC236}">
                <a16:creationId xmlns:a16="http://schemas.microsoft.com/office/drawing/2014/main" id="{A1E2F479-685D-8D89-57C2-9C6297E04B7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09611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2">
            <a:extLst>
              <a:ext uri="{FF2B5EF4-FFF2-40B4-BE49-F238E27FC236}">
                <a16:creationId xmlns:a16="http://schemas.microsoft.com/office/drawing/2014/main" id="{FCEFFD90-A657-0F0C-3FE9-9733EAA4228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149265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3">
            <a:extLst>
              <a:ext uri="{FF2B5EF4-FFF2-40B4-BE49-F238E27FC236}">
                <a16:creationId xmlns:a16="http://schemas.microsoft.com/office/drawing/2014/main" id="{5329CEAF-9742-164B-71F7-251D70E1C4C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388919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4">
            <a:extLst>
              <a:ext uri="{FF2B5EF4-FFF2-40B4-BE49-F238E27FC236}">
                <a16:creationId xmlns:a16="http://schemas.microsoft.com/office/drawing/2014/main" id="{ECB8EAC0-8AA6-B430-6557-C3EF3D33C16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628573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5">
            <a:extLst>
              <a:ext uri="{FF2B5EF4-FFF2-40B4-BE49-F238E27FC236}">
                <a16:creationId xmlns:a16="http://schemas.microsoft.com/office/drawing/2014/main" id="{6D936956-15A3-6D8E-EE13-986A0CDC7A3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868227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6">
            <a:extLst>
              <a:ext uri="{FF2B5EF4-FFF2-40B4-BE49-F238E27FC236}">
                <a16:creationId xmlns:a16="http://schemas.microsoft.com/office/drawing/2014/main" id="{486E777B-9AF8-3B88-C9A8-57BA98526D1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107881" y="2212848"/>
            <a:ext cx="0" cy="408211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d624bad87eab4599ae42cb9f6cc4dfbc_Shape">
            <a:extLst>
              <a:ext uri="{FF2B5EF4-FFF2-40B4-BE49-F238E27FC236}">
                <a16:creationId xmlns:a16="http://schemas.microsoft.com/office/drawing/2014/main" id="{47DCD289-2F94-3A80-4459-A588CBAFA48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563124" y="2624667"/>
            <a:ext cx="1638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4a2b319e313a428cba1123f61d02b45e_Shape">
            <a:extLst>
              <a:ext uri="{FF2B5EF4-FFF2-40B4-BE49-F238E27FC236}">
                <a16:creationId xmlns:a16="http://schemas.microsoft.com/office/drawing/2014/main" id="{F44CF0AE-EA8F-15BC-87B0-9DB4B0F409F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289784" y="2865967"/>
            <a:ext cx="1066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0f089f58637140238896b5d539fe9e04_Shape">
            <a:extLst>
              <a:ext uri="{FF2B5EF4-FFF2-40B4-BE49-F238E27FC236}">
                <a16:creationId xmlns:a16="http://schemas.microsoft.com/office/drawing/2014/main" id="{454AD133-0FC6-158D-BD5B-B18CE8CB4E1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352345" y="3107267"/>
            <a:ext cx="2667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DCBD0"/>
          </a:solidFill>
          <a:ln w="21431" cap="flat" cmpd="sng" algn="ctr">
            <a:solidFill>
              <a:srgbClr val="DE323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T_1e0479c8aede483693246a20a5a4b750_Shape">
            <a:extLst>
              <a:ext uri="{FF2B5EF4-FFF2-40B4-BE49-F238E27FC236}">
                <a16:creationId xmlns:a16="http://schemas.microsoft.com/office/drawing/2014/main" id="{FD33E20B-92F8-5238-DC2A-19DEE00EF83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360044" y="3450167"/>
            <a:ext cx="1066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T_57aa5dbeb1e747df82790c8eab83218d_Shape">
            <a:extLst>
              <a:ext uri="{FF2B5EF4-FFF2-40B4-BE49-F238E27FC236}">
                <a16:creationId xmlns:a16="http://schemas.microsoft.com/office/drawing/2014/main" id="{6D860B06-82D1-1981-BF3B-5E0045B6791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422605" y="3691467"/>
            <a:ext cx="1155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T_66cabd564a68475a93ef133c6918174c_Shape">
            <a:extLst>
              <a:ext uri="{FF2B5EF4-FFF2-40B4-BE49-F238E27FC236}">
                <a16:creationId xmlns:a16="http://schemas.microsoft.com/office/drawing/2014/main" id="{25C126C3-E8FA-A81D-0381-CD6D5885D96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573712" y="3932767"/>
            <a:ext cx="406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f58aba90841a4ddf87e93b2c185e1d6a_Shape">
            <a:extLst>
              <a:ext uri="{FF2B5EF4-FFF2-40B4-BE49-F238E27FC236}">
                <a16:creationId xmlns:a16="http://schemas.microsoft.com/office/drawing/2014/main" id="{E1376141-DDCB-43F9-4527-F9615E2480F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256099" y="4275667"/>
            <a:ext cx="495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T_ce6ebf4c42c6472cadcbbc9d2eb1d55d_Shape">
            <a:extLst>
              <a:ext uri="{FF2B5EF4-FFF2-40B4-BE49-F238E27FC236}">
                <a16:creationId xmlns:a16="http://schemas.microsoft.com/office/drawing/2014/main" id="{A7A669CC-E70E-4FD5-011B-B429A163CF1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008747" y="4516967"/>
            <a:ext cx="1384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DCBD0"/>
          </a:solidFill>
          <a:ln w="21431" cap="flat" cmpd="sng" algn="ctr">
            <a:solidFill>
              <a:srgbClr val="DE323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73b77fd919ec40bea6a4edcc943d1da3_Shape">
            <a:extLst>
              <a:ext uri="{FF2B5EF4-FFF2-40B4-BE49-F238E27FC236}">
                <a16:creationId xmlns:a16="http://schemas.microsoft.com/office/drawing/2014/main" id="{5A2F77C6-35B8-CB2E-AB08-B016A0B328B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584300" y="4758267"/>
            <a:ext cx="5842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d32659b33c1b4feba5e857f94a13d3e4_Shape">
            <a:extLst>
              <a:ext uri="{FF2B5EF4-FFF2-40B4-BE49-F238E27FC236}">
                <a16:creationId xmlns:a16="http://schemas.microsoft.com/office/drawing/2014/main" id="{FDEAAEB9-B8EA-8CDF-8914-9BF3CE7A2DC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381220" y="4999567"/>
            <a:ext cx="2844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DCBD0"/>
          </a:solidFill>
          <a:ln w="21431" cap="flat" cmpd="sng" algn="ctr">
            <a:solidFill>
              <a:srgbClr val="DE323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M_a3f3c4fb7c8148e5846ca0f4d74a48d2_Shape">
            <a:extLst>
              <a:ext uri="{FF2B5EF4-FFF2-40B4-BE49-F238E27FC236}">
                <a16:creationId xmlns:a16="http://schemas.microsoft.com/office/drawing/2014/main" id="{A25F4046-B629-5DCA-C160-C9320683B20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537340" y="53424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SLM_5add9be8a18849f39e46c5f6ddd983b0_Shape">
            <a:extLst>
              <a:ext uri="{FF2B5EF4-FFF2-40B4-BE49-F238E27FC236}">
                <a16:creationId xmlns:a16="http://schemas.microsoft.com/office/drawing/2014/main" id="{D09BBDCE-87C6-A89C-6E92-30ABEF67A53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086907" y="53424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M_ad2dc8fee65c48afa67aa595f4eec25e_Shape">
            <a:extLst>
              <a:ext uri="{FF2B5EF4-FFF2-40B4-BE49-F238E27FC236}">
                <a16:creationId xmlns:a16="http://schemas.microsoft.com/office/drawing/2014/main" id="{44A8B0D5-F9B5-343A-ABE0-A24C0CAA96D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141769" y="53424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M_c2d413c36c5c42a991a4369efeb79659_Shape">
            <a:extLst>
              <a:ext uri="{FF2B5EF4-FFF2-40B4-BE49-F238E27FC236}">
                <a16:creationId xmlns:a16="http://schemas.microsoft.com/office/drawing/2014/main" id="{64375788-6819-241E-3527-8A806B96B6A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92876" y="56726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M_39d9a7a3dfa34e71a4ea5048adfcabf1_Shape">
            <a:extLst>
              <a:ext uri="{FF2B5EF4-FFF2-40B4-BE49-F238E27FC236}">
                <a16:creationId xmlns:a16="http://schemas.microsoft.com/office/drawing/2014/main" id="{1976F974-F006-D051-F365-F2F55972B06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868430" y="56726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aee49ba5a2e240fba130e85bb4d6eebe_Shape">
            <a:extLst>
              <a:ext uri="{FF2B5EF4-FFF2-40B4-BE49-F238E27FC236}">
                <a16:creationId xmlns:a16="http://schemas.microsoft.com/office/drawing/2014/main" id="{6A3BBD23-FE70-50B1-8D10-940695FA34A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949277" y="6002867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M_54159b721e604b4e941295d7225323f5_Shape">
            <a:extLst>
              <a:ext uri="{FF2B5EF4-FFF2-40B4-BE49-F238E27FC236}">
                <a16:creationId xmlns:a16="http://schemas.microsoft.com/office/drawing/2014/main" id="{FAB8D769-7A5B-7139-B0A4-D24C816B49E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1100384" y="6002867"/>
            <a:ext cx="228600" cy="254000"/>
          </a:xfrm>
          <a:prstGeom prst="star8">
            <a:avLst/>
          </a:prstGeom>
          <a:solidFill>
            <a:srgbClr val="FDCBD0"/>
          </a:solidFill>
          <a:ln w="21431" cap="flat" cmpd="sng" algn="ctr">
            <a:solidFill>
              <a:srgbClr val="DE323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_6ef0b0615d5e4de3bc461d10cb73e8c8_Header">
            <a:extLst>
              <a:ext uri="{FF2B5EF4-FFF2-40B4-BE49-F238E27FC236}">
                <a16:creationId xmlns:a16="http://schemas.microsoft.com/office/drawing/2014/main" id="{0D1EA62D-0D88-1B8B-B7B5-D30B7E1BE79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 rot="16200000">
            <a:off x="-166308" y="2789280"/>
            <a:ext cx="93251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trategy</a:t>
            </a:r>
          </a:p>
        </p:txBody>
      </p:sp>
      <p:sp>
        <p:nvSpPr>
          <p:cNvPr id="64" name="OTLSHAPE_SL_ae8d1be2004a42f8ac05ed388bfe8975_Header">
            <a:extLst>
              <a:ext uri="{FF2B5EF4-FFF2-40B4-BE49-F238E27FC236}">
                <a16:creationId xmlns:a16="http://schemas.microsoft.com/office/drawing/2014/main" id="{D1B56ED0-A777-4880-B367-96340A7F825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3700039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Management</a:t>
            </a:r>
          </a:p>
        </p:txBody>
      </p:sp>
      <p:sp>
        <p:nvSpPr>
          <p:cNvPr id="67" name="OTLSHAPE_SL_1583afa90591480486a929047a0d2705_Header">
            <a:extLst>
              <a:ext uri="{FF2B5EF4-FFF2-40B4-BE49-F238E27FC236}">
                <a16:creationId xmlns:a16="http://schemas.microsoft.com/office/drawing/2014/main" id="{10A1E6B0-8C8A-5B8D-DC06-87E0571C319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4553162"/>
            <a:ext cx="1244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Model &amp;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Campaign</a:t>
            </a:r>
          </a:p>
        </p:txBody>
      </p:sp>
      <p:sp>
        <p:nvSpPr>
          <p:cNvPr id="70" name="OTLSHAPE_SL_910034991567402394597776e6eca020_Header">
            <a:extLst>
              <a:ext uri="{FF2B5EF4-FFF2-40B4-BE49-F238E27FC236}">
                <a16:creationId xmlns:a16="http://schemas.microsoft.com/office/drawing/2014/main" id="{A0C6C747-81F6-CBF8-D42F-2ABD08211FF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 rot="16200000">
            <a:off x="-195349" y="5706639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ilestones</a:t>
            </a:r>
          </a:p>
        </p:txBody>
      </p:sp>
      <p:sp>
        <p:nvSpPr>
          <p:cNvPr id="79" name="OTLSHAPE_SL2A_e4b09b1badfc4fbc9cbf90e6384d1a34_Header">
            <a:extLst>
              <a:ext uri="{FF2B5EF4-FFF2-40B4-BE49-F238E27FC236}">
                <a16:creationId xmlns:a16="http://schemas.microsoft.com/office/drawing/2014/main" id="{689126C5-67CE-1054-2A05-BC528DD6061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9902" y="2711789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Landscapes</a:t>
            </a:r>
          </a:p>
        </p:txBody>
      </p:sp>
      <p:sp>
        <p:nvSpPr>
          <p:cNvPr id="168" name="OTLSHAPE_SL2A_584710e543614b6c9214c7421133c369_Header">
            <a:extLst>
              <a:ext uri="{FF2B5EF4-FFF2-40B4-BE49-F238E27FC236}">
                <a16:creationId xmlns:a16="http://schemas.microsoft.com/office/drawing/2014/main" id="{53B732D0-74C5-5B13-C61F-9D0150596B2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99902" y="538420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80" name="OTLSHAPE_SL2A_d69090d5e36f4465bedcbecde57b648c_Header">
            <a:extLst>
              <a:ext uri="{FF2B5EF4-FFF2-40B4-BE49-F238E27FC236}">
                <a16:creationId xmlns:a16="http://schemas.microsoft.com/office/drawing/2014/main" id="{553A4AAF-8D90-BED5-8971-1233D247DF1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99902" y="571440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204" name="OTLSHAPE_SL2A_20843d0a847a415dabb9b86fe695fcb9_Header">
            <a:extLst>
              <a:ext uri="{FF2B5EF4-FFF2-40B4-BE49-F238E27FC236}">
                <a16:creationId xmlns:a16="http://schemas.microsoft.com/office/drawing/2014/main" id="{120B16FB-BAA3-B015-17C1-EAF5254271D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99902" y="604460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hase 4</a:t>
            </a:r>
          </a:p>
        </p:txBody>
      </p:sp>
      <p:sp>
        <p:nvSpPr>
          <p:cNvPr id="17" name="OTLSHAPE_TB_00000000000000000000000000000000_TimescaleInterval1">
            <a:extLst>
              <a:ext uri="{FF2B5EF4-FFF2-40B4-BE49-F238E27FC236}">
                <a16:creationId xmlns:a16="http://schemas.microsoft.com/office/drawing/2014/main" id="{D28A9C9B-3BDD-74C2-61C9-BB52AFA8230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493804" y="164433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" name="OTLSHAPE_TB_00000000000000000000000000000000_TimescaleInterval2">
            <a:extLst>
              <a:ext uri="{FF2B5EF4-FFF2-40B4-BE49-F238E27FC236}">
                <a16:creationId xmlns:a16="http://schemas.microsoft.com/office/drawing/2014/main" id="{F12DAA41-F626-1A3E-C7A1-539BD11E4C9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954824" y="164433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1" name="OTLSHAPE_TB_00000000000000000000000000000000_TimescaleInterval3">
            <a:extLst>
              <a:ext uri="{FF2B5EF4-FFF2-40B4-BE49-F238E27FC236}">
                <a16:creationId xmlns:a16="http://schemas.microsoft.com/office/drawing/2014/main" id="{92F0A8BB-AAB1-5E85-C9D6-5455743FBE5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027973" y="164433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3" name="OTLSHAPE_TB_00000000000000000000000000000000_TimescaleInterval4">
            <a:extLst>
              <a:ext uri="{FF2B5EF4-FFF2-40B4-BE49-F238E27FC236}">
                <a16:creationId xmlns:a16="http://schemas.microsoft.com/office/drawing/2014/main" id="{D4695545-BD3F-8E8A-067E-44896E17A5F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1101122" y="164433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6" name="OTLSHAPE_TB_00000000000000000000000000000000_MiddleTimescaleInterval2">
            <a:extLst>
              <a:ext uri="{FF2B5EF4-FFF2-40B4-BE49-F238E27FC236}">
                <a16:creationId xmlns:a16="http://schemas.microsoft.com/office/drawing/2014/main" id="{479E0448-DC30-55EC-47D1-55585E0AA28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626624" y="183635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8" name="OTLSHAPE_TB_00000000000000000000000000000000_MiddleTimescaleInterval3">
            <a:extLst>
              <a:ext uri="{FF2B5EF4-FFF2-40B4-BE49-F238E27FC236}">
                <a16:creationId xmlns:a16="http://schemas.microsoft.com/office/drawing/2014/main" id="{28183BC5-C9D4-E9C9-5B38-3E7EAF9090A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954824" y="183635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" name="OTLSHAPE_TB_00000000000000000000000000000000_MiddleTimescaleInterval4">
            <a:extLst>
              <a:ext uri="{FF2B5EF4-FFF2-40B4-BE49-F238E27FC236}">
                <a16:creationId xmlns:a16="http://schemas.microsoft.com/office/drawing/2014/main" id="{FE0B0E2B-070C-AA63-36CA-CD404797B06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327298" y="183635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2" name="OTLSHAPE_TB_00000000000000000000000000000000_MiddleTimescaleInterval5">
            <a:extLst>
              <a:ext uri="{FF2B5EF4-FFF2-40B4-BE49-F238E27FC236}">
                <a16:creationId xmlns:a16="http://schemas.microsoft.com/office/drawing/2014/main" id="{445213BC-4BAF-65BF-9BEC-D774856145F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699772" y="183635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4" name="OTLSHAPE_TB_00000000000000000000000000000000_MiddleTimescaleInterval6">
            <a:extLst>
              <a:ext uri="{FF2B5EF4-FFF2-40B4-BE49-F238E27FC236}">
                <a16:creationId xmlns:a16="http://schemas.microsoft.com/office/drawing/2014/main" id="{DF204CDA-3B38-4B19-286A-C44DE3A8412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027973" y="183635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6" name="OTLSHAPE_TB_00000000000000000000000000000000_MiddleTimescaleInterval7">
            <a:extLst>
              <a:ext uri="{FF2B5EF4-FFF2-40B4-BE49-F238E27FC236}">
                <a16:creationId xmlns:a16="http://schemas.microsoft.com/office/drawing/2014/main" id="{6F0FE37F-E626-F28C-88AF-8732BE2858A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400447" y="183635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8" name="OTLSHAPE_TB_00000000000000000000000000000000_MiddleTimescaleInterval8">
            <a:extLst>
              <a:ext uri="{FF2B5EF4-FFF2-40B4-BE49-F238E27FC236}">
                <a16:creationId xmlns:a16="http://schemas.microsoft.com/office/drawing/2014/main" id="{87DEDE2C-0C09-BDBE-95E9-095F46A2F7B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728648" y="183635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40" name="OTLSHAPE_TB_00000000000000000000000000000000_MiddleTimescaleInterval9">
            <a:extLst>
              <a:ext uri="{FF2B5EF4-FFF2-40B4-BE49-F238E27FC236}">
                <a16:creationId xmlns:a16="http://schemas.microsoft.com/office/drawing/2014/main" id="{2134E350-8FCD-CFA8-FDF1-D78F0095E42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101122" y="183635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41" name="OTLSHAPE_TB_00000000000000000000000000000000_BottomTimescaleInterval1">
            <a:extLst>
              <a:ext uri="{FF2B5EF4-FFF2-40B4-BE49-F238E27FC236}">
                <a16:creationId xmlns:a16="http://schemas.microsoft.com/office/drawing/2014/main" id="{BF8E536C-2972-33CB-D7D0-1F477992F9D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93804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43" name="OTLSHAPE_TB_00000000000000000000000000000000_BottomTimescaleInterval2">
            <a:extLst>
              <a:ext uri="{FF2B5EF4-FFF2-40B4-BE49-F238E27FC236}">
                <a16:creationId xmlns:a16="http://schemas.microsoft.com/office/drawing/2014/main" id="{3D5A0370-3B09-3E12-B13E-A524E69C7A8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33458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6</a:t>
            </a:r>
          </a:p>
        </p:txBody>
      </p:sp>
      <p:sp>
        <p:nvSpPr>
          <p:cNvPr id="45" name="OTLSHAPE_TB_00000000000000000000000000000000_BottomTimescaleInterval3">
            <a:extLst>
              <a:ext uri="{FF2B5EF4-FFF2-40B4-BE49-F238E27FC236}">
                <a16:creationId xmlns:a16="http://schemas.microsoft.com/office/drawing/2014/main" id="{18087B54-4370-A1B8-CF55-AC1FAA64007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973111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0</a:t>
            </a:r>
          </a:p>
        </p:txBody>
      </p:sp>
      <p:sp>
        <p:nvSpPr>
          <p:cNvPr id="47" name="OTLSHAPE_TB_00000000000000000000000000000000_BottomTimescaleInterval4">
            <a:extLst>
              <a:ext uri="{FF2B5EF4-FFF2-40B4-BE49-F238E27FC236}">
                <a16:creationId xmlns:a16="http://schemas.microsoft.com/office/drawing/2014/main" id="{A48E733F-1FE9-6EE3-F9A4-EE69D1E4E10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212766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49" name="OTLSHAPE_TB_00000000000000000000000000000000_BottomTimescaleInterval5">
            <a:extLst>
              <a:ext uri="{FF2B5EF4-FFF2-40B4-BE49-F238E27FC236}">
                <a16:creationId xmlns:a16="http://schemas.microsoft.com/office/drawing/2014/main" id="{4559E4DB-F92B-0D25-601E-DB46832CED4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452419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8</a:t>
            </a:r>
          </a:p>
        </p:txBody>
      </p:sp>
      <p:sp>
        <p:nvSpPr>
          <p:cNvPr id="51" name="OTLSHAPE_TB_00000000000000000000000000000000_BottomTimescaleInterval6">
            <a:extLst>
              <a:ext uri="{FF2B5EF4-FFF2-40B4-BE49-F238E27FC236}">
                <a16:creationId xmlns:a16="http://schemas.microsoft.com/office/drawing/2014/main" id="{A46A4EF9-A4FF-A73A-76A0-61951C8707F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692073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2</a:t>
            </a:r>
          </a:p>
        </p:txBody>
      </p:sp>
      <p:sp>
        <p:nvSpPr>
          <p:cNvPr id="53" name="OTLSHAPE_TB_00000000000000000000000000000000_BottomTimescaleInterval7">
            <a:extLst>
              <a:ext uri="{FF2B5EF4-FFF2-40B4-BE49-F238E27FC236}">
                <a16:creationId xmlns:a16="http://schemas.microsoft.com/office/drawing/2014/main" id="{0040A7DD-EB11-9D65-DE42-E4AD4984A9F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31727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6</a:t>
            </a:r>
          </a:p>
        </p:txBody>
      </p:sp>
      <p:sp>
        <p:nvSpPr>
          <p:cNvPr id="55" name="OTLSHAPE_TB_00000000000000000000000000000000_BottomTimescaleInterval8">
            <a:extLst>
              <a:ext uri="{FF2B5EF4-FFF2-40B4-BE49-F238E27FC236}">
                <a16:creationId xmlns:a16="http://schemas.microsoft.com/office/drawing/2014/main" id="{FBCF5259-C7F7-6E41-EBE1-743233416EB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171381" y="202838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0</a:t>
            </a:r>
          </a:p>
        </p:txBody>
      </p:sp>
      <p:sp>
        <p:nvSpPr>
          <p:cNvPr id="88" name="OTLSHAPE_SLT_d624bad87eab4599ae42cb9f6cc4dfbc_Title">
            <a:extLst>
              <a:ext uri="{FF2B5EF4-FFF2-40B4-BE49-F238E27FC236}">
                <a16:creationId xmlns:a16="http://schemas.microsoft.com/office/drawing/2014/main" id="{36F28BB3-72F7-10AC-F9E0-BA1F51597DA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563124" y="2454148"/>
            <a:ext cx="165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siness Strategy Landscape</a:t>
            </a:r>
          </a:p>
        </p:txBody>
      </p:sp>
      <p:sp>
        <p:nvSpPr>
          <p:cNvPr id="96" name="OTLSHAPE_SLT_4a2b319e313a428cba1123f61d02b45e_Title">
            <a:extLst>
              <a:ext uri="{FF2B5EF4-FFF2-40B4-BE49-F238E27FC236}">
                <a16:creationId xmlns:a16="http://schemas.microsoft.com/office/drawing/2014/main" id="{EE9447EE-A87F-1E16-FBAE-4D6D14451D0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403114" y="288230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reate Loc Strategy</a:t>
            </a:r>
          </a:p>
        </p:txBody>
      </p:sp>
      <p:sp>
        <p:nvSpPr>
          <p:cNvPr id="104" name="OTLSHAPE_SLT_0f089f58637140238896b5d539fe9e04_Title">
            <a:extLst>
              <a:ext uri="{FF2B5EF4-FFF2-40B4-BE49-F238E27FC236}">
                <a16:creationId xmlns:a16="http://schemas.microsoft.com/office/drawing/2014/main" id="{52EB6410-9854-97EE-5FFF-9E2026AAE8D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288291" y="312360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rgbClr val="EA161E"/>
                </a:solidFill>
                <a:latin typeface="Calibri" panose="020F0502020204030204" pitchFamily="34" charset="0"/>
              </a:rPr>
              <a:t>CRM Strategy</a:t>
            </a:r>
          </a:p>
        </p:txBody>
      </p:sp>
      <p:sp>
        <p:nvSpPr>
          <p:cNvPr id="115" name="OTLSHAPE_SLT_1e0479c8aede483693246a20a5a4b750_Title">
            <a:extLst>
              <a:ext uri="{FF2B5EF4-FFF2-40B4-BE49-F238E27FC236}">
                <a16:creationId xmlns:a16="http://schemas.microsoft.com/office/drawing/2014/main" id="{0D7E2C7E-F776-1BBA-F71B-06F9A47A5FA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524174" y="346650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Vendor Management</a:t>
            </a:r>
          </a:p>
        </p:txBody>
      </p:sp>
      <p:sp>
        <p:nvSpPr>
          <p:cNvPr id="123" name="OTLSHAPE_SLT_57aa5dbeb1e747df82790c8eab83218d_Title">
            <a:extLst>
              <a:ext uri="{FF2B5EF4-FFF2-40B4-BE49-F238E27FC236}">
                <a16:creationId xmlns:a16="http://schemas.microsoft.com/office/drawing/2014/main" id="{72DB63E6-1760-8D1B-01BC-6FFA61127A3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675281" y="370780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Management</a:t>
            </a:r>
          </a:p>
        </p:txBody>
      </p:sp>
      <p:sp>
        <p:nvSpPr>
          <p:cNvPr id="131" name="OTLSHAPE_SLT_66cabd564a68475a93ef133c6918174c_Title">
            <a:extLst>
              <a:ext uri="{FF2B5EF4-FFF2-40B4-BE49-F238E27FC236}">
                <a16:creationId xmlns:a16="http://schemas.microsoft.com/office/drawing/2014/main" id="{8EBD114F-A867-34DD-B40F-35F813A9CE5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073741" y="394910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Sponsor</a:t>
            </a:r>
          </a:p>
        </p:txBody>
      </p:sp>
      <p:sp>
        <p:nvSpPr>
          <p:cNvPr id="142" name="OTLSHAPE_SLT_f58aba90841a4ddf87e93b2c185e1d6a_Title">
            <a:extLst>
              <a:ext uri="{FF2B5EF4-FFF2-40B4-BE49-F238E27FC236}">
                <a16:creationId xmlns:a16="http://schemas.microsoft.com/office/drawing/2014/main" id="{5DA269CF-D2D3-D718-8915-D0578712E33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169526" y="4292007"/>
            <a:ext cx="294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Analyze Regional/Global/Country Business Models</a:t>
            </a:r>
            <a:endParaRPr lang="en-US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ce6ebf4c42c6472cadcbbc9d2eb1d55d_Title">
            <a:extLst>
              <a:ext uri="{FF2B5EF4-FFF2-40B4-BE49-F238E27FC236}">
                <a16:creationId xmlns:a16="http://schemas.microsoft.com/office/drawing/2014/main" id="{D0ADD28B-27DA-2707-4378-DAD2364645C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279297" y="453330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rgbClr val="EA161E"/>
                </a:solidFill>
                <a:latin typeface="Calibri" panose="020F0502020204030204" pitchFamily="34" charset="0"/>
              </a:rPr>
              <a:t>Campaign Dev</a:t>
            </a:r>
          </a:p>
        </p:txBody>
      </p:sp>
      <p:sp>
        <p:nvSpPr>
          <p:cNvPr id="158" name="OTLSHAPE_SLT_73b77fd919ec40bea6a4edcc943d1da3_Title">
            <a:extLst>
              <a:ext uri="{FF2B5EF4-FFF2-40B4-BE49-F238E27FC236}">
                <a16:creationId xmlns:a16="http://schemas.microsoft.com/office/drawing/2014/main" id="{84FA1B9E-D4B9-733C-0E2F-C1DCDB23899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874626" y="477460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rategy for External Promos</a:t>
            </a:r>
          </a:p>
        </p:txBody>
      </p:sp>
      <p:sp>
        <p:nvSpPr>
          <p:cNvPr id="166" name="OTLSHAPE_SLT_d32659b33c1b4feba5e857f94a13d3e4_Title">
            <a:extLst>
              <a:ext uri="{FF2B5EF4-FFF2-40B4-BE49-F238E27FC236}">
                <a16:creationId xmlns:a16="http://schemas.microsoft.com/office/drawing/2014/main" id="{4CCC68BA-4915-2C67-9BB6-CDBB896595E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270902" y="501590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rgbClr val="EA161E"/>
                </a:solidFill>
                <a:latin typeface="Calibri" panose="020F0502020204030204" pitchFamily="34" charset="0"/>
              </a:rPr>
              <a:t>Campaign Release</a:t>
            </a:r>
          </a:p>
        </p:txBody>
      </p:sp>
      <p:sp>
        <p:nvSpPr>
          <p:cNvPr id="172" name="OTLSHAPE_SLM_a3f3c4fb7c8148e5846ca0f4d74a48d2_Title">
            <a:extLst>
              <a:ext uri="{FF2B5EF4-FFF2-40B4-BE49-F238E27FC236}">
                <a16:creationId xmlns:a16="http://schemas.microsoft.com/office/drawing/2014/main" id="{CA99F611-55B8-327A-9764-4C88CF8749B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816740" y="538420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 SWOT Analysis</a:t>
            </a:r>
          </a:p>
        </p:txBody>
      </p:sp>
      <p:sp>
        <p:nvSpPr>
          <p:cNvPr id="175" name="OTLSHAPE_SLM_5add9be8a18849f39e46c5f6ddd983b0_Title">
            <a:extLst>
              <a:ext uri="{FF2B5EF4-FFF2-40B4-BE49-F238E27FC236}">
                <a16:creationId xmlns:a16="http://schemas.microsoft.com/office/drawing/2014/main" id="{78FEE8FD-087D-201C-967D-06DFC1E2C28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366307" y="5384207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usiness Strategy Review </a:t>
            </a:r>
          </a:p>
        </p:txBody>
      </p:sp>
      <p:sp>
        <p:nvSpPr>
          <p:cNvPr id="178" name="OTLSHAPE_SLM_ad2dc8fee65c48afa67aa595f4eec25e_Title">
            <a:extLst>
              <a:ext uri="{FF2B5EF4-FFF2-40B4-BE49-F238E27FC236}">
                <a16:creationId xmlns:a16="http://schemas.microsoft.com/office/drawing/2014/main" id="{6DB9E425-7302-7BAA-2621-F649D36933D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421169" y="5384207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ampaign Concepts </a:t>
            </a:r>
          </a:p>
        </p:txBody>
      </p:sp>
      <p:sp>
        <p:nvSpPr>
          <p:cNvPr id="183" name="OTLSHAPE_SLM_c2d413c36c5c42a991a4369efeb79659_Title">
            <a:extLst>
              <a:ext uri="{FF2B5EF4-FFF2-40B4-BE49-F238E27FC236}">
                <a16:creationId xmlns:a16="http://schemas.microsoft.com/office/drawing/2014/main" id="{13DC1BB4-CCDB-05B7-97E2-A83D4CE6E77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18092" y="571440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calization Strategy </a:t>
            </a:r>
          </a:p>
        </p:txBody>
      </p:sp>
      <p:sp>
        <p:nvSpPr>
          <p:cNvPr id="187" name="OTLSHAPE_SLM_39d9a7a3dfa34e71a4ea5048adfcabf1_Title">
            <a:extLst>
              <a:ext uri="{FF2B5EF4-FFF2-40B4-BE49-F238E27FC236}">
                <a16:creationId xmlns:a16="http://schemas.microsoft.com/office/drawing/2014/main" id="{C6BDF9C6-94B6-5739-4401-1CC23B8E953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147830" y="5714407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Regional/Global/Country Business Models </a:t>
            </a:r>
            <a:endParaRPr lang="en-US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M_aee49ba5a2e240fba130e85bb4d6eebe_Title">
            <a:extLst>
              <a:ext uri="{FF2B5EF4-FFF2-40B4-BE49-F238E27FC236}">
                <a16:creationId xmlns:a16="http://schemas.microsoft.com/office/drawing/2014/main" id="{D0AAC336-7E76-29F9-854E-4231194C6ED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456644" y="6044607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omos</a:t>
            </a:r>
          </a:p>
        </p:txBody>
      </p:sp>
      <p:sp>
        <p:nvSpPr>
          <p:cNvPr id="210" name="OTLSHAPE_SLM_54159b721e604b4e941295d7225323f5_Title">
            <a:extLst>
              <a:ext uri="{FF2B5EF4-FFF2-40B4-BE49-F238E27FC236}">
                <a16:creationId xmlns:a16="http://schemas.microsoft.com/office/drawing/2014/main" id="{490C0CCE-BC5A-1C29-7F1C-9C9FAA140D6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380337" y="604460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duction </a:t>
            </a:r>
          </a:p>
        </p:txBody>
      </p:sp>
      <p:cxnSp>
        <p:nvCxnSpPr>
          <p:cNvPr id="18" name="OTLSHAPE_TB_00000000000000000000000000000000_Separator1">
            <a:extLst>
              <a:ext uri="{FF2B5EF4-FFF2-40B4-BE49-F238E27FC236}">
                <a16:creationId xmlns:a16="http://schemas.microsoft.com/office/drawing/2014/main" id="{EEE67215-2FBF-C8D0-7E0F-28D9154A1944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2891324" y="164592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2">
            <a:extLst>
              <a:ext uri="{FF2B5EF4-FFF2-40B4-BE49-F238E27FC236}">
                <a16:creationId xmlns:a16="http://schemas.microsoft.com/office/drawing/2014/main" id="{807B3A9C-84B7-3B96-2EC0-D6A794E3849F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6964473" y="164592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3">
            <a:extLst>
              <a:ext uri="{FF2B5EF4-FFF2-40B4-BE49-F238E27FC236}">
                <a16:creationId xmlns:a16="http://schemas.microsoft.com/office/drawing/2014/main" id="{BD6976A6-9887-EAFB-2E44-D731EF2BE7F9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11037621" y="164592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1">
            <a:extLst>
              <a:ext uri="{FF2B5EF4-FFF2-40B4-BE49-F238E27FC236}">
                <a16:creationId xmlns:a16="http://schemas.microsoft.com/office/drawing/2014/main" id="{BFF48295-3622-471B-92D1-6E6737C7D0DE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1563123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2">
            <a:extLst>
              <a:ext uri="{FF2B5EF4-FFF2-40B4-BE49-F238E27FC236}">
                <a16:creationId xmlns:a16="http://schemas.microsoft.com/office/drawing/2014/main" id="{055BD18E-53F1-741F-7385-42D32060653B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2891324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3">
            <a:extLst>
              <a:ext uri="{FF2B5EF4-FFF2-40B4-BE49-F238E27FC236}">
                <a16:creationId xmlns:a16="http://schemas.microsoft.com/office/drawing/2014/main" id="{5D30E02D-CCED-B71D-B3D6-C89080A6CBA3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4263798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4">
            <a:extLst>
              <a:ext uri="{FF2B5EF4-FFF2-40B4-BE49-F238E27FC236}">
                <a16:creationId xmlns:a16="http://schemas.microsoft.com/office/drawing/2014/main" id="{669CA082-548D-0D36-38CC-AEA35AABC46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5636272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ddleSeparator5">
            <a:extLst>
              <a:ext uri="{FF2B5EF4-FFF2-40B4-BE49-F238E27FC236}">
                <a16:creationId xmlns:a16="http://schemas.microsoft.com/office/drawing/2014/main" id="{EEE75DAB-C50E-B660-680E-2760B777AFFC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6964473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ddleSeparator6">
            <a:extLst>
              <a:ext uri="{FF2B5EF4-FFF2-40B4-BE49-F238E27FC236}">
                <a16:creationId xmlns:a16="http://schemas.microsoft.com/office/drawing/2014/main" id="{03E4B93B-F893-C377-B071-6E76D459BAC5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8336946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ddleSeparator7">
            <a:extLst>
              <a:ext uri="{FF2B5EF4-FFF2-40B4-BE49-F238E27FC236}">
                <a16:creationId xmlns:a16="http://schemas.microsoft.com/office/drawing/2014/main" id="{C6D0E40C-4CF1-1867-0851-103AE6E7FE0E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9665147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ddleSeparator8">
            <a:extLst>
              <a:ext uri="{FF2B5EF4-FFF2-40B4-BE49-F238E27FC236}">
                <a16:creationId xmlns:a16="http://schemas.microsoft.com/office/drawing/2014/main" id="{19ECB10A-2CDF-7FDA-E15C-8E9398DB4E94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11037621" y="183794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BottomSeparator1">
            <a:extLst>
              <a:ext uri="{FF2B5EF4-FFF2-40B4-BE49-F238E27FC236}">
                <a16:creationId xmlns:a16="http://schemas.microsoft.com/office/drawing/2014/main" id="{D184A91A-8658-C6F6-D1F6-5A38C4210136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2669957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BottomSeparator2">
            <a:extLst>
              <a:ext uri="{FF2B5EF4-FFF2-40B4-BE49-F238E27FC236}">
                <a16:creationId xmlns:a16="http://schemas.microsoft.com/office/drawing/2014/main" id="{76EB7A5A-ECB2-6CE2-A873-27A09D092942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909611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BottomSeparator3">
            <a:extLst>
              <a:ext uri="{FF2B5EF4-FFF2-40B4-BE49-F238E27FC236}">
                <a16:creationId xmlns:a16="http://schemas.microsoft.com/office/drawing/2014/main" id="{977AF3F5-964C-7708-24E5-10F0913877F2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5149265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B_00000000000000000000000000000000_BottomSeparator4">
            <a:extLst>
              <a:ext uri="{FF2B5EF4-FFF2-40B4-BE49-F238E27FC236}">
                <a16:creationId xmlns:a16="http://schemas.microsoft.com/office/drawing/2014/main" id="{4DB097BC-AE26-AE89-8041-D2A550C994FB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6388919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BottomSeparator5">
            <a:extLst>
              <a:ext uri="{FF2B5EF4-FFF2-40B4-BE49-F238E27FC236}">
                <a16:creationId xmlns:a16="http://schemas.microsoft.com/office/drawing/2014/main" id="{E32F79F4-E722-9073-4F2A-05003E7DE68B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7628573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BottomSeparator6">
            <a:extLst>
              <a:ext uri="{FF2B5EF4-FFF2-40B4-BE49-F238E27FC236}">
                <a16:creationId xmlns:a16="http://schemas.microsoft.com/office/drawing/2014/main" id="{66D2AE6C-9B77-CA74-3C63-AB547646A9FE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8868227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BottomSeparator7">
            <a:extLst>
              <a:ext uri="{FF2B5EF4-FFF2-40B4-BE49-F238E27FC236}">
                <a16:creationId xmlns:a16="http://schemas.microsoft.com/office/drawing/2014/main" id="{EC71FCD0-2997-EA49-F3AE-F8D39C306392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10107881" y="202996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3" name="OTLSHAPE_D_6ed1bd6bf7a5419996ef004f8b2ca006_Line">
            <a:extLst>
              <a:ext uri="{FF2B5EF4-FFF2-40B4-BE49-F238E27FC236}">
                <a16:creationId xmlns:a16="http://schemas.microsoft.com/office/drawing/2014/main" id="{D0EB5956-B2D2-6B40-D8F3-6896FC3FCEBA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3319261" y="3551767"/>
            <a:ext cx="160464" cy="241301"/>
          </a:xfrm>
          <a:custGeom>
            <a:avLst/>
            <a:gdLst/>
            <a:ahLst/>
            <a:cxnLst/>
            <a:rect l="0" t="0" r="0" b="0"/>
            <a:pathLst>
              <a:path w="160464" h="241301">
                <a:moveTo>
                  <a:pt x="103313" y="0"/>
                </a:moveTo>
                <a:lnTo>
                  <a:pt x="160463" y="0"/>
                </a:lnTo>
                <a:lnTo>
                  <a:pt x="160463" y="120650"/>
                </a:lnTo>
                <a:lnTo>
                  <a:pt x="0" y="120650"/>
                </a:lnTo>
                <a:lnTo>
                  <a:pt x="0" y="241300"/>
                </a:lnTo>
                <a:lnTo>
                  <a:pt x="103344" y="2413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D_2cd8c97208c6479796c35df397f548b0_Line">
            <a:extLst>
              <a:ext uri="{FF2B5EF4-FFF2-40B4-BE49-F238E27FC236}">
                <a16:creationId xmlns:a16="http://schemas.microsoft.com/office/drawing/2014/main" id="{A5E5E0F3-A9B8-333B-8C4B-E43AD7CB1EEE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4470368" y="3793067"/>
            <a:ext cx="160464" cy="241301"/>
          </a:xfrm>
          <a:custGeom>
            <a:avLst/>
            <a:gdLst/>
            <a:ahLst/>
            <a:cxnLst/>
            <a:rect l="0" t="0" r="0" b="0"/>
            <a:pathLst>
              <a:path w="160464" h="241301">
                <a:moveTo>
                  <a:pt x="103313" y="0"/>
                </a:moveTo>
                <a:lnTo>
                  <a:pt x="160463" y="0"/>
                </a:lnTo>
                <a:lnTo>
                  <a:pt x="160463" y="120650"/>
                </a:lnTo>
                <a:lnTo>
                  <a:pt x="0" y="120650"/>
                </a:lnTo>
                <a:lnTo>
                  <a:pt x="0" y="241300"/>
                </a:lnTo>
                <a:lnTo>
                  <a:pt x="103344" y="2413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D_bcbbdc96760148a5adb640933bcc1907_Line">
            <a:extLst>
              <a:ext uri="{FF2B5EF4-FFF2-40B4-BE49-F238E27FC236}">
                <a16:creationId xmlns:a16="http://schemas.microsoft.com/office/drawing/2014/main" id="{428F4473-22D9-8D77-0059-E19BF998F7D2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4972141" y="4034367"/>
            <a:ext cx="1283959" cy="342901"/>
          </a:xfrm>
          <a:custGeom>
            <a:avLst/>
            <a:gdLst/>
            <a:ahLst/>
            <a:cxnLst/>
            <a:rect l="0" t="0" r="0" b="0"/>
            <a:pathLst>
              <a:path w="1283959" h="342901">
                <a:moveTo>
                  <a:pt x="0" y="0"/>
                </a:moveTo>
                <a:lnTo>
                  <a:pt x="57150" y="0"/>
                </a:lnTo>
                <a:lnTo>
                  <a:pt x="57150" y="120650"/>
                </a:lnTo>
                <a:lnTo>
                  <a:pt x="1180614" y="120650"/>
                </a:lnTo>
                <a:lnTo>
                  <a:pt x="1180614" y="342900"/>
                </a:lnTo>
                <a:lnTo>
                  <a:pt x="1283958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D_294b6cce87294ecd8588e1743f069134_Line">
            <a:extLst>
              <a:ext uri="{FF2B5EF4-FFF2-40B4-BE49-F238E27FC236}">
                <a16:creationId xmlns:a16="http://schemas.microsoft.com/office/drawing/2014/main" id="{1F909962-362E-619E-87CE-6A6189C74410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11214684" y="5101167"/>
            <a:ext cx="57151" cy="901701"/>
          </a:xfrm>
          <a:custGeom>
            <a:avLst/>
            <a:gdLst/>
            <a:ahLst/>
            <a:cxnLst/>
            <a:rect l="0" t="0" r="0" b="0"/>
            <a:pathLst>
              <a:path w="57151" h="901701">
                <a:moveTo>
                  <a:pt x="0" y="0"/>
                </a:moveTo>
                <a:lnTo>
                  <a:pt x="57150" y="0"/>
                </a:lnTo>
                <a:lnTo>
                  <a:pt x="57150" y="120650"/>
                </a:lnTo>
                <a:lnTo>
                  <a:pt x="0" y="120650"/>
                </a:lnTo>
                <a:lnTo>
                  <a:pt x="0" y="90170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D_6b13b261fee94cc48ab3366a57af8fbc_Line">
            <a:extLst>
              <a:ext uri="{FF2B5EF4-FFF2-40B4-BE49-F238E27FC236}">
                <a16:creationId xmlns:a16="http://schemas.microsoft.com/office/drawing/2014/main" id="{4E541DC9-C769-8071-3930-AC1123324732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8277877" y="4618567"/>
            <a:ext cx="160464" cy="482601"/>
          </a:xfrm>
          <a:custGeom>
            <a:avLst/>
            <a:gdLst/>
            <a:ahLst/>
            <a:cxnLst/>
            <a:rect l="0" t="0" r="0" b="0"/>
            <a:pathLst>
              <a:path w="160464" h="482601">
                <a:moveTo>
                  <a:pt x="103313" y="0"/>
                </a:moveTo>
                <a:lnTo>
                  <a:pt x="160463" y="0"/>
                </a:lnTo>
                <a:lnTo>
                  <a:pt x="160463" y="120650"/>
                </a:lnTo>
                <a:lnTo>
                  <a:pt x="0" y="120650"/>
                </a:lnTo>
                <a:lnTo>
                  <a:pt x="0" y="482600"/>
                </a:lnTo>
                <a:lnTo>
                  <a:pt x="103343" y="48260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D_e2cc973b804c47d5b2fe74a5abf2bb6b_Line">
            <a:extLst>
              <a:ext uri="{FF2B5EF4-FFF2-40B4-BE49-F238E27FC236}">
                <a16:creationId xmlns:a16="http://schemas.microsoft.com/office/drawing/2014/main" id="{5AEF7327-AB06-1BB6-D985-EBC9E13D83FD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905403" y="3208867"/>
            <a:ext cx="160464" cy="1409701"/>
          </a:xfrm>
          <a:custGeom>
            <a:avLst/>
            <a:gdLst/>
            <a:ahLst/>
            <a:cxnLst/>
            <a:rect l="0" t="0" r="0" b="0"/>
            <a:pathLst>
              <a:path w="160464" h="1409701">
                <a:moveTo>
                  <a:pt x="103313" y="0"/>
                </a:moveTo>
                <a:lnTo>
                  <a:pt x="160463" y="0"/>
                </a:lnTo>
                <a:lnTo>
                  <a:pt x="160463" y="120650"/>
                </a:lnTo>
                <a:lnTo>
                  <a:pt x="0" y="120650"/>
                </a:lnTo>
                <a:lnTo>
                  <a:pt x="0" y="1409700"/>
                </a:lnTo>
                <a:lnTo>
                  <a:pt x="103344" y="140970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TextBox 260">
            <a:extLst>
              <a:ext uri="{FF2B5EF4-FFF2-40B4-BE49-F238E27FC236}">
                <a16:creationId xmlns:a16="http://schemas.microsoft.com/office/drawing/2014/main" id="{D12A3072-06AE-6CAE-DFBF-FD2214060CC6}"/>
              </a:ext>
            </a:extLst>
          </p:cNvPr>
          <p:cNvSpPr txBox="1"/>
          <p:nvPr/>
        </p:nvSpPr>
        <p:spPr>
          <a:xfrm>
            <a:off x="392978" y="537646"/>
            <a:ext cx="319823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22222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rategic Roadmap</a:t>
            </a: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5DD66AB4-6ED0-7A65-83A0-6420DD8C6C1F}"/>
              </a:ext>
            </a:extLst>
          </p:cNvPr>
          <p:cNvSpPr txBox="1"/>
          <p:nvPr/>
        </p:nvSpPr>
        <p:spPr>
          <a:xfrm>
            <a:off x="401609" y="989436"/>
            <a:ext cx="31982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pendencies &amp; Critical Path</a:t>
            </a:r>
          </a:p>
        </p:txBody>
      </p:sp>
      <p:graphicFrame>
        <p:nvGraphicFramePr>
          <p:cNvPr id="269" name="Table 269">
            <a:extLst>
              <a:ext uri="{FF2B5EF4-FFF2-40B4-BE49-F238E27FC236}">
                <a16:creationId xmlns:a16="http://schemas.microsoft.com/office/drawing/2014/main" id="{4080C131-F30C-40DC-598A-B1ADF06B54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00115528"/>
              </p:ext>
            </p:extLst>
          </p:nvPr>
        </p:nvGraphicFramePr>
        <p:xfrm>
          <a:off x="9205127" y="608740"/>
          <a:ext cx="2142407" cy="77451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992505">
                  <a:extLst>
                    <a:ext uri="{9D8B030D-6E8A-4147-A177-3AD203B41FA5}">
                      <a16:colId xmlns:a16="http://schemas.microsoft.com/office/drawing/2014/main" val="3233750594"/>
                    </a:ext>
                  </a:extLst>
                </a:gridCol>
                <a:gridCol w="1149902">
                  <a:extLst>
                    <a:ext uri="{9D8B030D-6E8A-4147-A177-3AD203B41FA5}">
                      <a16:colId xmlns:a16="http://schemas.microsoft.com/office/drawing/2014/main" val="2118346217"/>
                    </a:ext>
                  </a:extLst>
                </a:gridCol>
              </a:tblGrid>
              <a:tr h="258170">
                <a:tc>
                  <a:txBody>
                    <a:bodyPr/>
                    <a:lstStyle/>
                    <a:p>
                      <a:r>
                        <a:rPr lang="en-GB" sz="1000" b="1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view Date</a:t>
                      </a:r>
                      <a:endParaRPr lang="en-US" sz="1000" b="1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GB" sz="1000" b="0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ed, June 2</a:t>
                      </a:r>
                      <a:endParaRPr lang="en-US" sz="1000" b="0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11812378"/>
                  </a:ext>
                </a:extLst>
              </a:tr>
              <a:tr h="258170">
                <a:tc>
                  <a:txBody>
                    <a:bodyPr/>
                    <a:lstStyle/>
                    <a:p>
                      <a:r>
                        <a:rPr lang="en-GB" sz="1000" b="1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viewed by</a:t>
                      </a:r>
                      <a:endParaRPr lang="en-US" sz="1000" b="1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GB" sz="1000" b="0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iana</a:t>
                      </a:r>
                      <a:endParaRPr lang="en-US" sz="1000" b="0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5130842"/>
                  </a:ext>
                </a:extLst>
              </a:tr>
              <a:tr h="258170">
                <a:tc>
                  <a:txBody>
                    <a:bodyPr/>
                    <a:lstStyle/>
                    <a:p>
                      <a:r>
                        <a:rPr lang="en-GB" sz="1000" b="1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pproved by</a:t>
                      </a:r>
                      <a:endParaRPr lang="en-US" sz="1000" b="1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GB" sz="1000" b="0" dirty="0">
                          <a:solidFill>
                            <a:srgbClr val="222222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bastian</a:t>
                      </a:r>
                      <a:endParaRPr lang="en-US" sz="1000" b="0" dirty="0">
                        <a:solidFill>
                          <a:srgbClr val="222222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93230901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06042669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UxYzNkMWY4LWRlNmMtNGJiMS05YzAyLWZlZjVjYzZiYzU0Z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dHJ1ZSwiV2lkdGgiOjAuMCwiSGVpZ2h0IjowLjAsIkJvcmRlclN0eWxlIjpudWxsLCJQYXJlbnRTdHlsZSI6bnVsbH0sIlJlY3RhbmdsZVN0eWxlIjp7IiRpZCI6IjEyIiwiTWFyZ2luIjp7IiRpZCI6IjEzIiwiVG9wIjowLjAsIkxlZnQiOjAuMCwiUmlnaHQiOjAuMCwiQm90dG9tIjowLjB9LCJQYWRkaW5nIjp7IiRpZCI6IjE0IiwiVG9wIjowLjAsIkxlZnQiOjAuMCwiUmlnaHQiOjAuMCwiQm90dG9tIjowLjB9LCJCYWNrZ3JvdW5kIjp7IiRpZCI6IjE1IiwiQ29sb3IiOnsiJGlkIjoiMTYiLCJBIjo2MywiUiI6MTY1LCJHIjoxNjUsIkIiOjE2NX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MtMDYtMDFUMDA6MDA6MDAiLCJFbmREYXRlIjoiMjAyMy0wNy0wN1QyMzo1OTowMCIsIlBlcmNlbnRhZ2VDb21wbGV0ZSI6bnVsbCwiU3R5bGUiOnsiJGlkIjoiMzYiLCJTaGFwZSI6NiwiU2hhcGVUaGlja25lc3MiOjE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wLCJSIjowLCJHIjowLCJCIjow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E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IiLCJUb3AiOjAuMCwiTGVmdCI6MC4wLCJSaWdodCI6MC4wLCJCb3R0b20iOjAuMH0sIlBhZGRpbmciOnsiJGlkIjoiODMiLCJUb3AiOjAuMCwiTGVmdCI6MC4wLCJSaWdodCI6MC4wLCJCb3R0b20iOjAuMH0sIkJhY2tncm91bmQiOnsiJGlkIjoiODQiLCJDb2xvciI6eyIkaWQiOiI4NSIsIkEiOjAsIlIiOjI1NSwiRyI6MjU1LCJCIjoyNTV9fSwiSXNWaXNpYmxlIjp0cnVlLCJXaWR0aCI6MC4wLCJIZWlnaHQiOjAuMCwiQm9yZGVyU3R5bGUiOnsiJGlkIjoiODYiLCJMaW5lQ29sb3IiOm51bGwsIkxpbmVXZWlnaHQiOjAuMCwiTGluZVR5cGUiOjAsIlBhcmVudFN0eWxlIjpudWxsfSwiUGFyZW50U3R5bGUiOm51bGx9LCJEYXRlRm9ybWF0Ijp7IiRpZCI6I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EYXRlU3R5bGUiOnsiJGlkIjoiMTM0IiwiRm9udFNldHRpbmdzIjp7IiRpZCI6IjEzNSIsIkZvbnRTaXplIjoxMCwiRm9udE5hbWUiOiJDYWxpYnJpIiwiSXNCb2xkIjpmYWxzZSwiSXNJdGFsaWMiOmZhbHNlLCJJc1VuZGVybGluZWQiOmZhbHNlLCJQYXJlbnRTdHlsZSI6bnVsbH0sIkF1dG9TaXplIjowLCJGb3JlZ3JvdW5kIjp7IiRpZCI6IjEzNiIsIkNvbG9yIjp7IiRpZCI6IjE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wLCJSIjoyNTUsIkciOjI1NSwiQiI6MjU1fX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GlkIjoiMjcyIiwiQ29sb3IiOnsiJGlkIjoiMjczIiwiQSI6ODksIlIiOjAsIkciOjAsIkIiOjB9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GlkIjoiM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RGF0ZUZvcm1hdCI6eyIkaWQiOiIz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MCwiUiI6MjU1LCJHIjoyNTUsIkIiOjI1NX1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wLCJSIjoyNTUsIkciOjI1NSwiQiI6MjU1fX0sIklzVmlzaWJsZSI6dHJ1ZSwiV2lkdGgiOjAuMCwiSGVpZ2h0IjowLjAsIkJvcmRlclN0eWxlIjp7IiRpZCI6IjM2NyIsIkxpbmVDb2xvciI6bnVsbCwiTGluZVdlaWdodCI6MC4wLCJMaW5lVHlwZSI6MCwiUGFyZW50U3R5bGUiOm51bGx9LCJQYXJlbnRTdHlsZSI6bnVsbH0sIkRhdGVGb3JtYXQiOnsiJGlkIjoiMz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ODksIlIiOjAsIkciOjAsIkIiOjB9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EwLCJGb250TmFtZSI6IkNhbGlicmkiLCJJc0JvbGQiOmZhbHNlLCJJc0l0YWxpYyI6ZmFsc2UsIklzVW5kZXJsaW5lZCI6ZmFsc2UsIlBhcmVudFN0eWxlIjpudWxsfSwiQXV0b1NpemUiOjAsIkZvcmVncm91bmQiOnsiJGlkIjoiMzg1IiwiQ29sb3IiOnsiJGlkIjoiMz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wLCJHIjowLCJCIjowfX0sIklzVmlzaWJsZSI6dHJ1ZSwiV2lkdGgiOjAuMCwiSGVpZ2h0IjowLjAsIkJvcmRlclN0eWxlIjp7IiRpZCI6IjM5MSIsIkxpbmVDb2xvciI6bnVsbCwiTGluZVdlaWdodCI6MC4wLCJMaW5lVHlwZSI6MCwiUGFyZW50U3R5bGUiOm51bGx9LCJQYXJlbnRTdHlsZSI6bnVsbH0sIkhvcml6b250YWxDb25uZWN0b3JTdHlsZSI6eyIkaWQiOiIzOTIiLCJMaW5lQ29sb3IiOnsiJHJlZiI6IjI4NSJ9LCJMaW5lV2VpZ2h0IjoxLjAsIkxpbmVUeXBlIjowLCJQYXJlbnRTdHlsZSI6bnVsbH0sIlZlcnRpY2FsQ29ubmVjdG9yU3R5bGUiOnsiJGlkIjoiMzkzIiwiTGluZUNvbG9yIjp7IiRyZWYiOiIyODg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TdHlsZSI6eyIkaWQiOiI0MTEiLCJGb250U2V0dGluZ3MiOnsiJGlkIjoiNDEyIiwiRm9udFNpemUiOjEwLCJGb250TmFtZSI6IkNhbGlicmkiLCJJc0JvbGQiOmZhbHNlLCJJc0l0YWxpYyI6ZmFsc2UsIklzVW5kZXJsaW5lZCI6ZmFsc2UsIlBhcmVudFN0eWxlIjpudWxsfSwiQXV0b1NpemUiOjAsIkZvcmVncm91bmQiOnsiJGlkIjoiNDEzIiwiQ29sb3IiOnsiJGlkIjoiND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m51bGwsIklzVmlzaWJsZSI6dHJ1ZSwiV2lkdGgiOjAuMCwiSGVpZ2h0IjowLjAsIkJvcmRlclN0eWxlIjpudWxsLCJQYXJlbnRTdHlsZSI6bnVsbH0sIlJlY3RhbmdsZVN0eWxlIjp7IiRpZCI6IjQzMiIsIk1hcmdpbiI6eyIkaWQiOiI0MzMiLCJUb3AiOjAuMCwiTGVmdCI6MC4wLCJSaWdodCI6MC4wLCJCb3R0b20iOjAuMH0sIlBhZGRpbmciOnsiJGlkIjoiNDM0IiwiVG9wIjowLjAsIkxlZnQiOjAuMCwiUmlnaHQiOjAuMCwiQm90dG9tIjowLjB9LCJCYWNrZ3JvdW5kIjp7IiRpZCI6IjQzNSIsIkNvbG9yIjp7IiRpZCI6IjQzNiIsIkEiOjYzLCJSIjoxNjUsIkciOjE2NSwiQiI6MTY1fX0sIklzVmlzaWJsZSI6dHJ1ZSwiV2lkdGgiOjAuMCwiSGVpZ2h0Ijow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2NSIsIk1hcmdpbiI6eyIkaWQiOiI1NjYiLCJUb3AiOjAuMCwiTGVmdCI6NC4wLCJSaWdodCI6NC4wLCJCb3R0b20iOjAuMH0sIlBhZGRpbmciOnsiJGlkIjoiNTY3IiwiVG9wIjowLjAsIkxlZnQiOjAuMCwiUmlnaHQiOjAuMCwiQm90dG9tIjowLjB9LCJCYWNrZ3JvdW5kIjp7IiRpZCI6IjU2OCIsIkNvbG9yIjp7IiRpZCI6IjU2OSIsIkEiOjI1NSwiUiI6MTI4LCJHIjoxMDAsIkIiOjE2Mn19LCJJc1Zpc2libGUiOnRydWUsIldpZHRoIjoxMDkuMCwiSGVpZ2h0IjoxNi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m51bGx9LCJUaXRsZVN0eWxlIjp7IiRpZCI6IjU3MyIsIkZvbnRTZXR0aW5ncyI6eyIkaWQiOiI1NzQiLCJGb250U2l6ZSI6MTEsIkZvbnROYW1lIjoiQ2FsaWJyaSIsIklzQm9sZCI6dHJ1ZSwiSXNJdGFsaWMiOmZhbHNlLCJJc1VuZGVybGluZWQiOmZhbHNlLCJQYXJlbnRTdHlsZSI6bnVsbH0sIkF1dG9TaXplIjoyLCJGb3JlZ3JvdW5kIjp7IiRpZCI6IjU3NSIsIkNvbG9yIjp7IiRpZCI6IjU3NiIsIkEiOjI1NSwiUiI6MjM0LCJHIjoyMiwiQiI6MzB9fSwiTWF4V2lkdGgiOjY2LjAsIk1heEhlaWdodCI6IkluZmluaXR5IiwiU21hcnRGb3JlZ3JvdW5kSXNBY3RpdmUiOmZhbHNlLCJIb3Jpem9udGFsQWxpZ25tZW50Ijox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pZCI6IjU3OSIsIkNvbG9yIjp7IiRpZCI6IjU4MCIsIkEiOjAsIlIiOjI1NSwiRyI6MjU1LCJCIjoyNTV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MTAsIkZvbnROYW1lIjoiQ2FsaWJyaSIsIklzQm9sZCI6ZmFsc2UsIklzSXRhbGljIjpmYWxzZSwiSXNVbmRlcmxpbmVkIjpmYWxzZSwiUGFyZW50U3R5bGUiOm51bGx9LCJBdXRvU2l6ZSI6MCwiRm9yZWdyb3VuZCI6eyIkaWQiOiI1ODQiLCJDb2xvciI6eyIkaWQiOiI1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Rm9ybWF0Ijp7IiRpZCI6IjU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g5LCJSIjowLCJHIjowLCJCIjowfX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pZCI6IjYwOCIsIkNvbG9yIjp7IiRpZCI6IjY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jIxIiwiTWFyZ2luIjp7IiRpZCI6IjYyMiIsIlRvcCI6MC4wLCJMZWZ0Ijo0LjAsIlJpZ2h0Ijo0LjAsIkJvdHRvbSI6MC4wfSwiUGFkZGluZyI6eyIkaWQiOiI2MjMiLCJUb3AiOjAuMCwiTGVmdCI6MC4wLCJSaWdodCI6MC4wLCJCb3R0b20iOjAuMH0sIkJhY2tncm91bmQiOnsiJGlkIjoiNjI0IiwiQ29sb3IiOnsiJGlkIjoiNjI1IiwiQSI6MjU1LCJSIjoxMjgsIkciOjEwMCwiQiI6MTYyfX0sIklzVmlzaWJsZSI6dHJ1ZSwiV2lkdGgiOjAuMCwiSGVpZ2h0IjoxNi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UaXRsZVN0eWxlIjp7IiRpZCI6IjYyOSIsIkZvbnRTZXR0aW5ncyI6eyIkaWQiOiI2MzAiLCJGb250U2l6ZSI6MTEsIkZvbnROYW1lIjoiQ2FsaWJyaSIsIklzQm9sZCI6dHJ1ZSwiSXNJdGFsaWMiOmZhbHNlLCJJc1VuZGVybGluZWQiOmZhbHNlLCJQYXJlbnRTdHlsZSI6bnVsbH0sIkF1dG9TaXplIjoyLCJGb3JlZ3JvdW5kIjp7IiRpZCI6IjYzMSIsIkNvbG9yIjp7IiRpZCI6IjYzMiIsIkEiOjI1NSwiUiI6MCwiRyI6MCwiQiI6MH19LCJNYXhXaWR0aCI6MTMxLjAsIk1heEhlaWdodCI6IkluZmluaXR5IiwiU21hcnRGb3JlZ3JvdW5kSXNBY3RpdmUiOmZhbHNlLCJIb3Jpem9udGFsQWxpZ25tZW50Ijoy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VN0eWxlIjp7IiRpZCI6IjYzOCIsIkZvbnRTZXR0aW5ncyI6eyIkaWQiOiI2MzkiLCJGb250U2l6ZSI6MTAsIkZvbnROYW1lIjoiQ2FsaWJyaSIsIklzQm9sZCI6ZmFsc2UsIklzSXRhbGljIjpmYWxzZSwiSXNVbmRlcmxpbmVkIjpmYWxzZSwiUGFyZW50U3R5bGUiOm51bGx9LCJBdXRvU2l6ZSI6MCwiRm9yZWdyb3VuZCI6eyIkaWQiOiI2NDAiLCJDb2xvciI6eyIkaWQiOiI2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Rm9ybWF0Ijp7IiRpZCI6IjY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4OSwiUiI6MCwiRyI6MCwiQiI6MH1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aWQiOiI2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bnVsbCwiSXNWaXNpYmxlIjp0cnVlLCJXaWR0aCI6MC4wLCJIZWlnaHQiOjAuMCwiQm9yZGVyU3R5bGUiOm51bGwsIlBhcmVudFN0eWxlIjpudWxsfSwiUmVjdGFuZ2x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wLCJSIjoyNTUsIkciOjI1NSwiQiI6MjU1fX0sIklzVmlzaWJsZSI6dHJ1ZSwiV2lkdGgiOjAuMCwiSGVpZ2h0IjowLjAsIkJvcmRlclN0eWxlIjpudWxsLCJQYXJlbnRTdHlsZSI6bnVsbH0sIkRhdGVTdHlsZSI6eyIkaWQiOiI3ODUiLCJGb250U2V0dGluZ3MiOnsiJGlkIjoiNzg2IiwiRm9udFNpemUiOjEwLCJGb250TmFtZSI6IkNhbGlicmkiLCJJc0JvbGQiOmZhbHNlLCJJc0l0YWxpYyI6ZmFsc2UsIklzVW5kZXJsaW5lZCI6ZmFsc2UsIlBhcmVudFN0eWxlIjpudWxsfSwiQXV0b1NpemUiOjAsIkZvcmVncm91bmQiOnsiJGlkIjoiNzg3IiwiQ29sb3IiOnsiJGlkIjoiNz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DkiLCJUb3AiOjAuMCwiTGVmdCI6MC4wLCJSaWdodCI6MC4wLCJCb3R0b20iOjAuMH0sIlBhZGRpbmciOnsiJGlkIjoiNzkwIiwiVG9wIjowLjAsIkxlZnQiOjAuMCwiUmlnaHQiOjAuMCwiQm90dG9tIjowLjB9LCJCYWNrZ3JvdW5kIjp7IiRpZCI6Ijc5MSIsIkNvbG9yIjp7IiRpZCI6Ijc5MiIsIkEiOjAsIlIiOjI1NSwiRyI6MjU1LCJCIjoyNTV9fSwiSXNWaXNpYmxlIjpmYWxzZSwiV2lkdGgiOjAuMCwiSGVpZ2h0IjowLjAsIkJvcmRlclN0eWxlIjpudWxsLCJQYXJlbnRTdHlsZSI6bnVsbH0sIkRhdGVGb3JtYXQiOnsiJGlkIjoiNz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5In0sIlBhZGRpbmciOnsiJHJlZiI6Ijc5MCJ9LCJCYWNrZ3JvdW5kIjp7IiRpZCI6IjgxMyIsIkNvbG9yIjp7IiRpZCI6IjgxNCIsIkEiOjAsIlIiOjI1NSwiRyI6MjU1LCJCIjoyNTV9fSwiSXNWaXNpYmxlIjpmYWxzZSwiV2lkdGgiOjAuMCwiSGVpZ2h0IjowLjAsIkJvcmRlclN0eWxlIjpudWxsLCJQYXJlbnRTdHlsZSI6bnVsbH0sIkRhdGVGb3JtYXQiOnsiJGlkIjoiO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OSJ9LCJQYWRkaW5nIjp7IiRyZWYiOiI3OTAifSwiQmFja2dyb3VuZCI6eyIkaWQiOiI4MzUiLCJDb2xvciI6eyIkaWQiOiI4MzYiLCJBIjowLCJSIjoyNTUsIkciOjI1NSwiQiI6MjU1fX0sIklzVmlzaWJsZSI6ZmFsc2UsIldpZHRoIjowLjAsIkhlaWdodCI6MC4wLCJCb3JkZXJTdHlsZSI6bnVsbCwiUGFyZW50U3R5bGUiOm51bGx9LCJEYXRlRm9ybWF0Ijp7IiRpZCI6Ijg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OSJ9LCJQYWRkaW5nIjp7IiRyZWYiOiI3OTAifSwiQmFja2dyb3VuZCI6eyIkaWQiOiI4ODkiLCJDb2xvciI6eyIkaWQiOiI4OTAiLCJBIjowLCJSIjoyNTUsIkciOjI1NSwiQiI6MjU1fX0sIklzVmlzaWJsZSI6ZmFsc2UsIldpZHRoIjowLjAsIkhlaWdodCI6MC4wLCJCb3JkZXJTdHlsZSI6bnVsbCwiUGFyZW50U3R5bGUiOm51bGx9LCJEYXRlRm9ybWF0Ijp7IiRpZCI6Ijg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DkifSwiUGFkZGluZyI6eyIkcmVmIjoiNzkwIn0sIkJhY2tncm91bmQiOnsiJGlkIjoiOTExIiwiQ29sb3IiOnsiJGlkIjoiOTEyIiwiQSI6MCwiUiI6MjU1LCJHIjoyNTUsIkIiOjI1NX19LCJJc1Zpc2libGUiOmZhbHNlLCJXaWR0aCI6MC4wLCJIZWlnaHQiOjAuMCwiQm9yZGVyU3R5bGUiOm51bGw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pZCI6IjkyMyIsIkNvbG9yIjp7IiRpZCI6IjkyNCIsIkEiOjAsIlIiOjI1NSwiRyI6MjU1LCJCIjoyNTV9fSwiSXNWaXNpYmxlIjp0cnVlLCJXaWR0aCI6MC4wLCJIZWlnaHQiOjAuMCwiQm9yZGVyU3R5bGUiOm51bGwsIlBhcmVudFN0eWxlIjpudWxsfSwiUmVjdGFuZ2x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DkifSwiUGFkZGluZyI6eyIkcmVmIjoiNzkwIn0sIkJhY2tncm91bmQiOnsiJGlkIjoiOTY1IiwiQ29sb3IiOnsiJGlkIjoiOTY2IiwiQSI6MCwiUiI6MjU1LCJHIjoyNTUsIkIiOjI1NX19LCJJc1Zpc2libGUiOmZhbHNlLCJXaWR0aCI6MC4wLCJIZWlnaHQiOjAuMCwiQm9yZGVyU3R5bGUiOm51bGwsIlBhcmVudFN0eWxlIjpudWxsfSwiRGF0ZUZvcm1hdCI6eyIkaWQiOiI5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DkifSwiUGFkZGluZyI6eyIkcmVmIjoiNzkwIn0sIkJhY2tncm91bmQiOnsiJGlkIjoiOTg3IiwiQ29sb3IiOnsiJGlkIjoiOTg4IiwiQSI6MCwiUiI6MjU1LCJHIjoyNTUsIkIiOjI1NX19LCJJc1Zpc2libGUiOmZhbHNlLCJXaWR0aCI6MC4wLCJIZWlnaHQiOjAuMCwiQm9yZGVyU3R5bGUiOm51bGwsIlBhcmVudFN0eWxlIjpudWxsfSwiRGF0ZUZvcm1hdCI6eyIkaWQiOiI5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5In0sIlBhZGRpbmciOnsiJHJlZiI6Ijc5MCJ9LCJCYWNrZ3JvdW5kIjp7IiRpZCI6IjEyMDgiLCJDb2xvciI6eyIkaWQiOiIxMjA5IiwiQSI6MCwiUiI6MCwiRyI6MCwiQiI6MH19LCJJc1Zpc2libGUiOnRydWUsIldpZHRoIjowLjAsIkhlaWdodCI6MC4wLCJCb3JkZXJTdHlsZSI6bnVsbCwiUGFyZW50U3R5bGUiOm51bGx9LCJEYXRlRm9ybWF0Ijp7IiRpZCI6IjEy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SIsIkZvcm1hdCI6MCwiSXNWaXNpYmxlIjpmYWxzZSwiTGFzdEtub3duVmlzaWJpbGl0eVN0YXRlIjpmYWxzZX0sIklzVmlzaWJsZSI6dHJ1ZSwiUGFyZW50U3R5bGUiOm51bGx9LCJEZWZhdWx0VGFza1N0eWxlIjp7IiRpZCI6IjEyMTIiLCJTaGFwZSI6MSwiU2hhcGVUaGlja25lc3MiOjEsIkR1cmF0aW9uRm9ybWF0IjowLCJJbmNsdWRlTm9uV29ya2luZ0RheXNJbkR1cmF0aW9uIjpmYWxzZSwiUGVyY2VudGFnZUNvbXBsZXRlU3R5bGUiOnsiJGlkIjoiMTIxMyIsIkZvbnRTZXR0aW5ncyI6eyIkaWQiOiIxMjE0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jQ5IiwiVG9wIjowLjAsIkxlZnQiOjAuMCwiUmlnaHQiOjAuMCwiQm90dG9tIjowLjB9LCJQYWRkaW5nIjp7IiRpZCI6IjEyNTAiLCJUb3AiOjAuMCwiTGVmdCI6MC4wLCJSaWdodCI6MC4wLCJCb3R0b20iOjAuMH0sIkJhY2tncm91bmQiOnsiJGlkIjoiMTI1MSIsIkNvbG9yIjp7IiRpZCI6IjEyNTIiLCJBIjowLCJSIjowLCJHIjowLCJCIjowfX0sIklzVmlzaWJsZSI6dHJ1ZSwiV2lkdGgiOjAuMCwiSGVpZ2h0IjowLjAsIkJvcmRlclN0eWxlIjpudWxsLCJQYXJlbnRTdHlsZSI6bnVsbH0sIkRhdGVGb3JtYXQiOnsiJGlkIjoiMTI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0IiwiRm9ybWF0IjowLCJJc1Zpc2libGUiOmZhbHNlLCJMYXN0S25vd25WaXNpYmlsaXR5U3RhdGUiOmZhbHNlfSwiSXNWaXNpYmxlIjp0cnVlLCJQYXJlbnRTdHlsZSI6bnVsbCwiX2V4cGxpY2l0bHlTZXQiOnsiJGlkIjoiMTI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MzEsXCJHXCI6NzMsXCJCXCI6MTI1fX0sXCJJc1Zpc2libGVcIjp0cnVlLFwiV2lkdGhcIjo4NTguMCxcIkhlaWdodFwiOjE0LjM5OTk5OTYxODUzMDI3My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MzEsXCJHXCI6NzMsXCJCXCI6MTI1fX0sXCJJc1Zpc2libGVcIjp0cnVlLFwiV2lkdGhcIjo4NTguMCxcIkhlaWdodFwiOjE0LjM5OTk5OTYxODUzMDI3My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MzEsXCJHXCI6NzMsXCJCXCI6MTI1fX0sXCJJc1Zpc2libGVcIjp0cnVlLFwiV2lkdGhcIjo4NTguMCxcIkhlaWdodFwiOjE0LjM5OTk5OTYxODUzMDI3My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xOTIsXCJHXCI6ODAsXCJCXCI6Nzd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zXCIsXCJUb3BcIjowLjAsXCJMZWZ0XCI6MC4wLFwiUmlnaHRcIjowLjAsXCJCb3R0b21cIjowLjB9LFwiUGFkZGluZ1wiOntcIiRpZFwiOlwiMTE0XCIsXCJUb3BcIjowLjAsXCJMZWZ0XCI6MC4wLFwiUmlnaHRcIjowLjAsXCJCb3R0b21cIjowLjB9LFwiQmFja2dyb3VuZFwiOntcIiRpZFwiOlwiMTE1XCIsXCJDb2xvclwiOntcIiRpZFwiOlwiMTE2XCIsXCJBXCI6MCxcIlJcIjowLFwiR1wiOjAsXCJCXCI6MH19LFwiSXNWaXNpYmxlXCI6dHJ1ZSxcIldpZHRoXCI6MC4wLFwiSGVpZ2h0XCI6MC4wLFwiQm9yZGVyU3R5bGVcIjpudWxsfSxcIkRhdGVGb3JtYXRcIjp7XCIkaWRcIjpcIjEx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hcIixcIlNoYXBlXCI6MSxcIlNoYXBlVGhpY2tuZXNzXCI6MSxcIkR1cmF0aW9uRm9ybWF0XCI6MCxcIlBlcmNlbnRhZ2VDb21wbGV0ZVN0eWxlXCI6e1wiJGlkXCI6XCIxMTlcIixcIkZvbnRTZXR0aW5nc1wiOntcIiRpZFwiOlwiMTIwXCIsXCJGb250U2l6ZVwiOjEwLFwiRm9udE5hbWVcIjpcIkNhbGlicmlcIixcIklzQm9sZFwiOmZhbHNlLFwiSXNJdGFsaWNcIjpmYWxzZSxcIklzVW5kZXJsaW5lZFwiOmZhbHNlfSxcIkF1dG9TaXplXCI6MCxcIkZvcmVncm91bmRcIjp7XCIkaWRcIjpcIjEyMVwiLFwiQ29sb3JcIjp7XCIkaWRcIjpcIjEyMl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2MVwiLFwiVG9wXCI6MC4wLFwiTGVmdFwiOjAuMCxcIlJpZ2h0XCI6MC4wLFwiQm90dG9tXCI6MC4wfSxcIlBhZGRpbmdcIjp7XCIkaWRcIjpcIjE2MlwiLFwiVG9wXCI6MC4wLFwiTGVmdFwiOjAuMCxcIlJpZ2h0XCI6MC4wLFwiQm90dG9tXCI6MC4wfSxcIkJhY2tncm91bmRcIjp7XCIkaWRcIjpcIjE2M1wiLFwiQ29sb3JcIjp7XCIkaWRcIjpcIjE2NFwiLFwiQVwiOjAsXCJSXCI6MCxcIkdcIjowLFwiQlwiOjB9fSxcIklzVmlzaWJsZVwiOnRydWUsXCJXaWR0aFwiOjAuMCxcIkhlaWdodFwiOjAuMCxcIkJvcmRlclN0eWxlXCI6bnVsbH0sXCJEYXRlRm9ybWF0XCI6e1wiJGlkXCI6XCIx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1MSxcIlJcIjoxNjUsXCJHXCI6MTY1LFwiQlwiOjE2NX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MyNlwiLFwiVGFza1N0eWxlXCI6e1wiJGlkXCI6XCIzMjdcIixcIlNoYXBlXCI6NixcIlNoYXBlVGhpY2tuZXNzXCI6MSxcIkR1cmF0aW9uRm9ybWF0XCI6MCxcIlBlcmNlbnRhZ2VDb21wbGV0ZVN0eWxlXCI6e1wiJGlkXCI6XCIzMjhcIixcIkZvbnRTZXR0aW5nc1wiOntcIiRpZFwiOlwiMzI5XCIsXCJGb250U2l6ZVwiOjEwLFwiRm9udE5hbWVcIjpcIkNhbGlicmlcIixcIklzQm9sZFwiOmZhbHNlLFwiSXNJdGFsaWNcIjpmYWxzZSxcIklzVW5kZXJsaW5lZFwiOmZhbHNlfSxcIkF1dG9TaXplXCI6MCxcIkZvcmVncm91bmRcIjp7XCIkaWRcIjpcIjMzMFwiLFwiQ29sb3JcIjp7XCIkaWRcIjpcIjMzMV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zNzlcIixcIlRhc2tTdHlsZVwiOntcIiRpZFwiOlwiMzgwXCIsXCJTaGFwZVwiOjYsXCJTaGFwZVRoaWNrbmVzc1wiOjEsXCJEdXJhdGlvbkZvcm1hdFwiOjAsXCJQZXJjZW50YWdlQ29tcGxldGVTdHlsZVwiOntcIiRpZFwiOlwiMzgxXCIsXCJGb250U2V0dGluZ3NcIjp7XCIkaWRcIjpcIjM4MlwiLFwiRm9udFNpemVcIjoxMCxcIkZvbnROYW1lXCI6XCJDYWxpYnJpXCIsXCJJc0JvbGRcIjpmYWxzZSxcIklzSXRhbGljXCI6ZmFsc2UsXCJJc1VuZGVybGluZWRcIjpmYWxzZX0sXCJBdXRvU2l6ZVwiOjAsXCJGb3JlZ3JvdW5kXCI6e1wiJGlkXCI6XCIzODNcIixcIkNvbG9yXCI6e1wiJGlkXCI6XCIzODR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MjlcIixcIlRhc2tTdHlsZVwiOntcIiRpZFwiOlwiNTMwXCIsXCJTaGFwZVwiOjYsXCJTaGFwZVRoaWNrbmVzc1wiOjEsXCJEdXJhdGlvbkZvcm1hdFwiOjAsXCJQZXJjZW50YWdlQ29tcGxldGVTdHlsZVwiOntcIiRpZFwiOlwiNTMxXCIsXCJGb250U2V0dGluZ3NcIjp7XCIkaWRcIjpcIjUzMlwiLFwiRm9udFNpemVcIjoxMCxcIkZvbnROYW1lXCI6XCJDYWxpYnJpXCIsXCJJc0JvbGRcIjpmYWxzZSxcIklzSXRhbGljXCI6ZmFsc2UsXCJJc1VuZGVybGluZWRcIjpmYWxzZX0sXCJBdXRvU2l6ZVwiOjAsXCJGb3JlZ3JvdW5kXCI6e1wiJGlkXCI6XCI1MzNcIixcIkNvbG9yXCI6e1wiJGlkXCI6XCI1MzR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pZFwiOlwiNTc0XCIsXCJDb2xvclwiOntcIiRpZFwiOlwiNTc1XCIsXCJBXCI6MCxcIlJcIjoyNTUsXCJHXCI6MjU1LFwiQlwiOjI1NX19LFwiSXNWaXNpYmxlXCI6dHJ1ZSxcIldpZHRoXCI6MC4wLFwiSGVpZ2h0XCI6MC4wLFwiQm9yZGVyU3R5bGVcIjp7XCIkaWRcIjpcIjU3NlwiLFwiTGluZUNvbG9yXCI6bnVsbCxcIkxpbmVXZWlnaHRcIjowLjAsXCJMaW5lVHlwZVwiOjB9fSxcIkRhdGVGb3JtYXRcIjp7XCIkaWRcIjpcIjU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U3OFwiLFwiVGFza1N0eWxlXCI6e1wiJGlkXCI6XCI1NzlcIixcIlNoYXBlXCI6NixcIlNoYXBlVGhpY2tuZXNzXCI6MSxcIkR1cmF0aW9uRm9ybWF0XCI6MCxcIlBlcmNlbnRhZ2VDb21wbGV0ZVN0eWxlXCI6e1wiJGlkXCI6XCI1ODBcIixcIkZvbnRTZXR0aW5nc1wiOntcIiRpZFwiOlwiNTgxXCIsXCJGb250U2l6ZVwiOjEwLFwiRm9udE5hbWVcIjpcIkNhbGlicmlcIixcIklzQm9sZFwiOmZhbHNlLFwiSXNJdGFsaWNcIjpmYWxzZSxcIklzVW5kZXJsaW5lZFwiOmZhbHNlfSxcIkF1dG9TaXplXCI6MCxcIkZvcmVncm91bmRcIjp7XCIkaWRcIjpcIjU4MlwiLFwiQ29sb3JcIjp7XCIkaWRcIjpcIjU4M1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3MjhcIixcIlRhc2tTdHlsZVwiOntcIiRpZFwiOlwiNzI5XCIsXCJTaGFwZVwiOjYsXCJTaGFwZVRoaWNrbmVzc1wiOjEsXCJEdXJhdGlvbkZvcm1hdFwiOjAsXCJQZXJjZW50YWdlQ29tcGxldGVTdHlsZVwiOntcIiRpZFwiOlwiNzMwXCIsXCJGb250U2V0dGluZ3NcIjp7XCIkaWRcIjpcIjczMVwiLFwiRm9udFNpemVcIjoxMCxcIkZvbnROYW1lXCI6XCJDYWxpYnJpXCIsXCJJc0JvbGRcIjpmYWxzZSxcIklzSXRhbGljXCI6ZmFsc2UsXCJJc1VuZGVybGluZWRcIjpmYWxzZX0sXCJBdXRvU2l6ZVwiOjAsXCJGb3JlZ3JvdW5kXCI6e1wiJGlkXCI6XCI3MzJcIixcIkNvbG9yXCI6e1wiJGlkXCI6XCI3MzN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c4MVwiLFwiVGFza1N0eWxlXCI6e1wiJGlkXCI6XCI3ODJcIixcIlNoYXBlXCI6NixcIlNoYXBlVGhpY2tuZXNzXCI6MSxcIkR1cmF0aW9uRm9ybWF0XCI6MCxcIlBlcmNlbnRhZ2VDb21wbGV0ZVN0eWxlXCI6e1wiJGlkXCI6XCI3ODNcIixcIkZvbnRTZXR0aW5nc1wiOntcIiRpZFwiOlwiNzg0XCIsXCJGb250U2l6ZVwiOjEwLFwiRm9udE5hbWVcIjpcIkNhbGlicmlcIixcIklzQm9sZFwiOmZhbHNlLFwiSXNJdGFsaWNcIjpmYWxzZSxcIklzVW5kZXJsaW5lZFwiOmZhbHNlfSxcIkF1dG9TaXplXCI6MCxcIkZvcmVncm91bmRcIjp7XCIkaWRcIjpcIjc4NVwiLFwiQ29sb3JcIjp7XCIkaWRcIjpcIjc4Nl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M0XCIsXCJUYXNrU3R5bGVcIjp7XCIkaWRcIjpcIjgzNVwiLFwiU2hhcGVcIjo2LFwiU2hhcGVUaGlja25lc3NcIjoxLFwiRHVyYXRpb25Gb3JtYXRcIjowLFwiUGVyY2VudGFnZUNvbXBsZXRlU3R5bGVcIjp7XCIkaWRcIjpcIjgzNlwiLFwiRm9udFNldHRpbmdzXCI6e1wiJGlkXCI6XCI4MzdcIixcIkZvbnRTaXplXCI6MTAsXCJGb250TmFtZVwiOlwiQ2FsaWJyaVwiLFwiSXNCb2xkXCI6ZmFsc2UsXCJJc0l0YWxpY1wiOmZhbHNlLFwiSXNVbmRlcmxpbmVkXCI6ZmFsc2V9LFwiQXV0b1NpemVcIjowLFwiRm9yZWdyb3VuZFwiOntcIiRpZFwiOlwiODM4XCIsXCJDb2xvclwiOntcIiRpZFwiOlwiODM5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MDdmY2FlZS1iNzlhLTQ4MWEtOTY0Yy1kZWU4YjVlZGEyYTNcIn0se1wiJGlkXCI6XCI5ODdcIixcIlRpdGxlU3R5bGVcIjp7XCIkaWRcIjpcIjk4OFwiLFwiRm9udFNldHRpbmdzXCI6e1wiJGlkXCI6XCI5ODlcIixcIkZvbnRTaXplXCI6MTEsXCJGb250TmFtZVwiOlwiQ2FsaWJyaVwiLFwiSXNCb2xkXCI6dHJ1ZSxcIklzSXRhbGljXCI6ZmFsc2UsXCJJc1VuZGVybGluZWRcIjpmYWxzZX0sXCJBdXRvU2l6ZVwiOjAsXCJGb3JlZ3JvdW5kXCI6e1wiJGlkXCI6XCI5OTBcIixcIkNvbG9yXCI6e1wiJGlkXCI6XCI5OT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FhNzU3YzI0LTI5ZDEtNDk0NC1hNzUwLTRhMmU4ODYyNjgwOFwifSx7XCIkaWRcIjpcIjEwOTFcIixcIlRpdGxlU3R5bGVcIjp7XCIkaWRcIjpcIjEwOTJcIixcIkZvbnRTZXR0aW5nc1wiOntcIiRpZFwiOlwiMTA5M1wiLFwiRm9udFNpemVcIjoxMSxcIkZvbnROYW1lXCI6XCJDYWxpYnJpXCIsXCJJc0JvbGRcIjp0cnVlLFwiSXNJdGFsaWNcIjpmYWxzZSxcIklzVW5kZXJsaW5lZFwiOmZhbHNlfSxcIkF1dG9TaXplXCI6MCxcIkZvcmVncm91bmRcIjp7XCIkaWRcIjpcIjEwOTRcIixcIkNvbG9yXCI6e1wiJGlkXCI6XCIxMDk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E0OGM4NmEyLWI4OTctNDgxNC1hZWRmLTQ4NWJkN2MyYjlhY1wifSx7XCIkaWRcIjpcIjExOTVcIixcIlRpdGxlU3R5bGVcIjp7XCIkaWRcIjpcIjExOTZcIixcIkZvbnRTZXR0aW5nc1wiOntcIiRpZFwiOlwiMTE5N1wiLFwiRm9udFNpemVcIjoxMSxcIkZvbnROYW1lXCI6XCJDYWxpYnJpXCIsXCJJc0JvbGRcIjp0cnVlLFwiSXNJdGFsaWNcIjpmYWxzZSxcIklzVW5kZXJsaW5lZFwiOmZhbHNlfSxcIkF1dG9TaXplXCI6MCxcIkZvcmVncm91bmRcIjp7XCIkaWRcIjpcIjExOThcIixcIkNvbG9yXCI6e1wiJGlkXCI6XCIxMTk5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mE0MWNiYzgtOTk0My00MDdkLWE5YTUtZTRiNWEzZjQxMzZmXCJ9LHtcIiRpZFwiOlwiMTIyMVwiLFwiVGl0bGVTdHlsZVwiOntcIiRpZFwiOlwiMTIyMlwiLFwiRm9udFNldHRpbmdzXCI6e1wiJGlkXCI6XCIxMjIzXCIsXCJGb250U2l6ZVwiOjExLFwiRm9udE5hbWVcIjpcIkNhbGlicmlcIixcIklzQm9sZFwiOnRydWUsXCJJc0l0YWxpY1wiOmZhbHNlLFwiSXNVbmRlcmxpbmVkXCI6ZmFsc2V9LFwiQXV0b1NpemVcIjowLFwiRm9yZWdyb3VuZFwiOntcIiRpZFwiOlwiMTIyNFwiLFwiQ29sb3JcIjp7XCIkaWRcIjpcIjEy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mUyZjNhNGMtODIzZi00ZjQ1LTkzYmMtMTNiZWM3MTkyYzRkXCJ9LHtcIiRpZFwiOlwiMTI5OVwiLFwiVGl0bGVTdHlsZVwiOntcIiRpZFwiOlwiMTMwMFwiLFwiRm9udFNldHRpbmdzXCI6e1wiJGlkXCI6XCIxMzAxXCIsXCJGb250U2l6ZVwiOjExLFwiRm9udE5hbWVcIjpcIkNhbGlicmlcIixcIklzQm9sZFwiOnRydWUsXCJJc0l0YWxpY1wiOmZhbHNlLFwiSXNVbmRlcmxpbmVkXCI6ZmFsc2V9LFwiQXV0b1NpemVcIjowLFwiRm9yZWdyb3VuZFwiOntcIiRpZFwiOlwiMTMwMlwiLFwiQ29sb3JcIjp7XCIkaWRcIjpcIjEzMDN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gxIiwiVXNlVGltZSI6ZmFsc2UsIldvcmtEYXlTdGFydCI6IjAwOjAwOjAwIiwiV29ya0RheUVuZCI6IjIzOjU5OjAwIn0sIkxhc3RVc2VkVGVtcGxhdGVJZCI6ImZlZTViOWY2LTA5ZmQtNGFkNC05OWE0LWIyZWI3YmNkMjg2NCIsIkZpcnN0V2Vla09mWWVhciI6MCwiUGxhY2VNaWxlc3RvbmVBdFRoZUJlZ2lubmluZ09mVGhlRGF5IjpmYWxzZSwiRGVwZW5kZW5jeVNjaGVkdWxpbmdTZXR0aW5ncyI6eyIkaWQiOiIxMjgy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e0479c8-aede-4836-9324-6a20a5a4b750"/>
  <p:tag name="OTLDEPDESTINATIONID" val="57aa5dbe-b1e7-47df-8279-0c8eab83218d"/>
  <p:tag name="OTLDEPENDENCYLAGUNIT" val="Undefined"/>
  <p:tag name="OTLDEPENDENCYLAGVALUE" val="0"/>
  <p:tag name="OTLDEPENDENCYLAGISELAPSED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4-03-1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THREEDEFFECTS" val="None"/>
  <p:tag name="OTLLEFTENDCAPSMARGINLEFT" val="66.1289952153107"/>
  <p:tag name="OTLTIMEBANDRESERVEDLEFTAREAWIDTH" val="60.3859649122807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7aa5dbe-b1e7-47df-8279-0c8eab83218d"/>
  <p:tag name="OTLDEPDESTINATIONID" val="66cabd56-4a68-475a-93ef-133c6918174c"/>
  <p:tag name="OTLDEPENDENCYLAGUNIT" val="Undefined"/>
  <p:tag name="OTLDEPENDENCYLAGVALUE" val="0"/>
  <p:tag name="OTLDEPENDENCYLAGISELAPSED" val="Fals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6cabd56-4a68-475a-93ef-133c6918174c"/>
  <p:tag name="OTLDEPDESTINATIONID" val="f58aba90-841a-4ddf-87e9-3b2c185e1d6a"/>
  <p:tag name="OTLDEPENDENCYLAGUNIT" val="Undefined"/>
  <p:tag name="OTLDEPENDENCYLAGVALUE" val="0"/>
  <p:tag name="OTLDEPENDENCYLAGISELAPSED" val="Fals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d32659b3-3c1b-4feb-a5e8-57f94a13d3e4"/>
  <p:tag name="OTLDEPDESTINATIONID" val="54159b72-1e60-4b4e-9412-95d7225323f5"/>
  <p:tag name="OTLDEPENDENCYLAGUNIT" val="Undefined"/>
  <p:tag name="OTLDEPENDENCYLAGVALUE" val="0"/>
  <p:tag name="OTLDEPENDENCYLAGISELAPSED" val="False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e6ebf4c-42c6-472c-adcb-bc9d2eb1d55d"/>
  <p:tag name="OTLDEPDESTINATIONID" val="d32659b3-3c1b-4feb-a5e8-57f94a13d3e4"/>
  <p:tag name="OTLDEPENDENCYLAGUNIT" val="Undefined"/>
  <p:tag name="OTLDEPENDENCYLAGVALUE" val="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f089f58-6371-4023-8896-b5d539fe9e04"/>
  <p:tag name="OTLDEPDESTINATIONID" val="ce6ebf4c-42c6-472c-adcb-bc9d2eb1d55d"/>
  <p:tag name="OTLDEPENDENCYLAGUNIT" val="Undefined"/>
  <p:tag name="OTLDEPENDENCYLAGVALUE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4-03-1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THREEDEFFECTS" val="None"/>
  <p:tag name="OTLLEFTENDCAPSMARGINLEFT" val="66.1289952153107"/>
  <p:tag name="OTLTIMEBANDRESERVEDLEFTAREAWIDTH" val="60.385964912280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2024-03-1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THREEDEFFECTS" val="None"/>
  <p:tag name="OTLLEFTENDCAPSMARGINLEFT" val="66.1289952153107"/>
  <p:tag name="OTLTIMEBANDRESERVEDLEFTAREAWIDTH" val="60.385964912280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"/>
  <p:tag name="OTLENDDATE" val="2023-07-07T23:59:00.0000000"/>
  <p:tag name="OTLDURATIONFORMAT" val="day"/>
  <p:tag name="OTLSPACING" val="3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0T00:00:00.0000000"/>
  <p:tag name="OTLENDDATE" val="2023-08-02T23:59:00.0000000"/>
  <p:tag name="OTLDURATIONFORMAT" val="day"/>
  <p:tag name="OTLSPACING" val="3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8-03T00:00:00.0000000"/>
  <p:tag name="OTLENDDATE" val="2023-10-01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9T00:00:00.0000000"/>
  <p:tag name="OTLENDDATE" val="2023-07-12T23:59:00.0000000"/>
  <p:tag name="OTLDURATIONFORMAT" val="day"/>
  <p:tag name="OTLSPACING" val="3"/>
  <p:tag name="OTLSHAPETHICKNESSTYPE" val="Regula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13T00:00:00.0000000"/>
  <p:tag name="OTLENDDATE" val="2023-08-07T23:59:00.0000000"/>
  <p:tag name="OTLDURATIONFORMAT" val="day"/>
  <p:tag name="OTLSPACING" val="3"/>
  <p:tag name="OTLSHAPETHICKNESSTYPE" val="Regular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8T00:00:00.0000000"/>
  <p:tag name="OTLENDDATE" val="2023-08-16T23:59:00.0000000"/>
  <p:tag name="OTLDURATIONFORMAT" val="day"/>
  <p:tag name="OTLSPACING" val="3"/>
  <p:tag name="OTLSHAPETHICKNESSTYPE" val="Regular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9-15T00:00:00.0000000"/>
  <p:tag name="OTLENDDATE" val="2023-09-25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10-02T00:00:00.0000000"/>
  <p:tag name="OTLENDDATE" val="2023-11-01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10-15T00:00:00.0000000"/>
  <p:tag name="OTLENDDATE" val="2023-10-27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11-02T00:00:00.0000000"/>
  <p:tag name="OTLENDDATE" val="2024-01-04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SWOT Analysis"/>
  <p:tag name="OTLDATE" val="2023-06-02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siness Strategy Review "/>
  <p:tag name="OTLDATE" val="2023-07-07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aign Concepts "/>
  <p:tag name="OTLDATE" val="2023-09-14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calization Strategy "/>
  <p:tag name="OTLDATE" val="2023-10-10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gional/Global/Country Business Models "/>
  <p:tag name="OTLDATE" val="2023-10-23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mos"/>
  <p:tag name="OTLDATE" val="2023-12-09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 "/>
  <p:tag name="OTLPOSITIONONTASK" val="None"/>
  <p:tag name="OTLRELATEDTASKID" val="00000000-0000-0000-0000-000000000000"/>
  <p:tag name="OTLDATE" val="2024-01-04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9</Words>
  <Application>Microsoft Office PowerPoint</Application>
  <PresentationFormat>Widescreen</PresentationFormat>
  <Paragraphs>6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2-13T13:04:59Z</dcterms:created>
  <dcterms:modified xsi:type="dcterms:W3CDTF">2022-12-13T13:05:20Z</dcterms:modified>
</cp:coreProperties>
</file>